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齢別\（H31）\"/>
    </mc:Choice>
  </mc:AlternateContent>
  <bookViews>
    <workbookView xWindow="0" yWindow="0" windowWidth="28800" windowHeight="11865" tabRatio="961"/>
  </bookViews>
  <sheets>
    <sheet name="神奈川県" sheetId="1" r:id="rId1"/>
    <sheet name="横浜市" sheetId="6" r:id="rId2"/>
    <sheet name="鶴見区" sheetId="7" r:id="rId3"/>
    <sheet name="神奈川区" sheetId="8" r:id="rId4"/>
    <sheet name="西区" sheetId="9" r:id="rId5"/>
    <sheet name="中区" sheetId="10" r:id="rId6"/>
    <sheet name="南区" sheetId="11" r:id="rId7"/>
    <sheet name="保土ケ谷区" sheetId="12" r:id="rId8"/>
    <sheet name="磯子区" sheetId="13" r:id="rId9"/>
    <sheet name="金沢区" sheetId="14" r:id="rId10"/>
    <sheet name="港北区" sheetId="15" r:id="rId11"/>
    <sheet name="戸塚区" sheetId="16" r:id="rId12"/>
    <sheet name="港南区" sheetId="17" r:id="rId13"/>
    <sheet name="旭区" sheetId="18" r:id="rId14"/>
    <sheet name="緑区" sheetId="19" r:id="rId15"/>
    <sheet name="瀬谷区" sheetId="20" r:id="rId16"/>
    <sheet name="栄区" sheetId="21" r:id="rId17"/>
    <sheet name="泉区" sheetId="22" r:id="rId18"/>
    <sheet name="青葉区" sheetId="23" r:id="rId19"/>
    <sheet name="都筑区" sheetId="24" r:id="rId20"/>
    <sheet name="川崎市" sheetId="25" r:id="rId21"/>
    <sheet name="川崎区" sheetId="26" r:id="rId22"/>
    <sheet name="幸区" sheetId="27" r:id="rId23"/>
    <sheet name="中原区" sheetId="28" r:id="rId24"/>
    <sheet name="高津区" sheetId="29" r:id="rId25"/>
    <sheet name="多摩区" sheetId="30" r:id="rId26"/>
    <sheet name="宮前区" sheetId="31" r:id="rId27"/>
    <sheet name="麻生区" sheetId="32" r:id="rId28"/>
    <sheet name="横須賀三浦" sheetId="2" r:id="rId29"/>
    <sheet name="横須賀市" sheetId="37" r:id="rId30"/>
    <sheet name="鎌倉市" sheetId="39" r:id="rId31"/>
    <sheet name="逗子市" sheetId="43" r:id="rId32"/>
    <sheet name="三浦市" sheetId="44" r:id="rId33"/>
    <sheet name="葉山町" sheetId="53" r:id="rId34"/>
    <sheet name="県央" sheetId="3" r:id="rId35"/>
    <sheet name="相模原市" sheetId="33" r:id="rId36"/>
    <sheet name="緑区(相)" sheetId="34" r:id="rId37"/>
    <sheet name="中央区" sheetId="35" r:id="rId38"/>
    <sheet name="南区(相)" sheetId="36" r:id="rId39"/>
    <sheet name="厚木市" sheetId="46" r:id="rId40"/>
    <sheet name="大和市" sheetId="47" r:id="rId41"/>
    <sheet name="海老名市" sheetId="49" r:id="rId42"/>
    <sheet name="座間市" sheetId="50" r:id="rId43"/>
    <sheet name="綾瀬市" sheetId="52" r:id="rId44"/>
    <sheet name="愛川町" sheetId="65" r:id="rId45"/>
    <sheet name="清川村" sheetId="66" r:id="rId46"/>
    <sheet name="湘南" sheetId="4" r:id="rId47"/>
    <sheet name="平塚市" sheetId="38" r:id="rId48"/>
    <sheet name="藤沢市" sheetId="40" r:id="rId49"/>
    <sheet name="茅ヶ崎市" sheetId="42" r:id="rId50"/>
    <sheet name="秦野市" sheetId="45" r:id="rId51"/>
    <sheet name="伊勢原市" sheetId="48" r:id="rId52"/>
    <sheet name="寒川町" sheetId="54" r:id="rId53"/>
    <sheet name="大磯町" sheetId="55" r:id="rId54"/>
    <sheet name="二宮町" sheetId="56" r:id="rId55"/>
    <sheet name="県西" sheetId="5" r:id="rId56"/>
    <sheet name="小田原市" sheetId="41" r:id="rId57"/>
    <sheet name="南足柄市" sheetId="51" r:id="rId58"/>
    <sheet name="中井町" sheetId="57" r:id="rId59"/>
    <sheet name="大井町" sheetId="58" r:id="rId60"/>
    <sheet name="松田町" sheetId="59" r:id="rId61"/>
    <sheet name="山北町" sheetId="60" r:id="rId62"/>
    <sheet name="開成町" sheetId="61" r:id="rId63"/>
    <sheet name="箱根町" sheetId="62" r:id="rId64"/>
    <sheet name="真鶴町" sheetId="63" r:id="rId65"/>
    <sheet name="湯河原町" sheetId="64" r:id="rId66"/>
  </sheets>
  <definedNames>
    <definedName name="_xlnm._FilterDatabase" localSheetId="0" hidden="1">神奈川県!$A$1:$A$79</definedName>
    <definedName name="_xlnm.Print_Area" localSheetId="44">愛川町!$A$1:$K$66</definedName>
    <definedName name="_xlnm.Print_Area" localSheetId="13">旭区!$A$1:$K$66</definedName>
    <definedName name="_xlnm.Print_Area" localSheetId="43">綾瀬市!$A$1:$K$66</definedName>
    <definedName name="_xlnm.Print_Area" localSheetId="51">伊勢原市!$A$1:$K$66</definedName>
    <definedName name="_xlnm.Print_Area" localSheetId="8">磯子区!$A$1:$K$66</definedName>
    <definedName name="_xlnm.Print_Area" localSheetId="16">栄区!$A$1:$K$66</definedName>
    <definedName name="_xlnm.Print_Area" localSheetId="28">横須賀三浦!$A$1:$K$66</definedName>
    <definedName name="_xlnm.Print_Area" localSheetId="29">横須賀市!$A$1:$K$66</definedName>
    <definedName name="_xlnm.Print_Area" localSheetId="1">横浜市!$A$1:$K$66</definedName>
    <definedName name="_xlnm.Print_Area" localSheetId="41">海老名市!$A$1:$K$66</definedName>
    <definedName name="_xlnm.Print_Area" localSheetId="62">開成町!$A$1:$K$66</definedName>
    <definedName name="_xlnm.Print_Area" localSheetId="30">鎌倉市!$A$1:$K$66</definedName>
    <definedName name="_xlnm.Print_Area" localSheetId="49">茅ヶ崎市!$A$1:$K$66</definedName>
    <definedName name="_xlnm.Print_Area" localSheetId="52">寒川町!$A$1:$K$66</definedName>
    <definedName name="_xlnm.Print_Area" localSheetId="26">宮前区!$A$1:$K$66</definedName>
    <definedName name="_xlnm.Print_Area" localSheetId="9">金沢区!$A$1:$K$66</definedName>
    <definedName name="_xlnm.Print_Area" localSheetId="34">県央!$A$1:$K$66</definedName>
    <definedName name="_xlnm.Print_Area" localSheetId="55">県西!$A$1:$K$66</definedName>
    <definedName name="_xlnm.Print_Area" localSheetId="11">戸塚区!$A$1:$K$66</definedName>
    <definedName name="_xlnm.Print_Area" localSheetId="39">厚木市!$A$1:$K$66</definedName>
    <definedName name="_xlnm.Print_Area" localSheetId="22">幸区!$A$1:$K$66</definedName>
    <definedName name="_xlnm.Print_Area" localSheetId="12">港南区!$A$1:$K$66</definedName>
    <definedName name="_xlnm.Print_Area" localSheetId="10">港北区!$A$1:$K$66</definedName>
    <definedName name="_xlnm.Print_Area" localSheetId="24">高津区!$A$1:$K$66</definedName>
    <definedName name="_xlnm.Print_Area" localSheetId="42">座間市!$A$1:$K$66</definedName>
    <definedName name="_xlnm.Print_Area" localSheetId="32">三浦市!$A$1:$K$66</definedName>
    <definedName name="_xlnm.Print_Area" localSheetId="61">山北町!$A$1:$K$66</definedName>
    <definedName name="_xlnm.Print_Area" localSheetId="56">小田原市!$A$1:$K$66</definedName>
    <definedName name="_xlnm.Print_Area" localSheetId="60">松田町!$A$1:$K$66</definedName>
    <definedName name="_xlnm.Print_Area" localSheetId="46">湘南!$A$1:$K$66</definedName>
    <definedName name="_xlnm.Print_Area" localSheetId="64">真鶴町!$A$1:$K$66</definedName>
    <definedName name="_xlnm.Print_Area" localSheetId="3">神奈川区!$A$1:$K$66</definedName>
    <definedName name="_xlnm.Print_Area" localSheetId="0">神奈川県!$A$1:$K$66</definedName>
    <definedName name="_xlnm.Print_Area" localSheetId="50">秦野市!$A$1:$K$66</definedName>
    <definedName name="_xlnm.Print_Area" localSheetId="31">逗子市!$A$1:$K$66</definedName>
    <definedName name="_xlnm.Print_Area" localSheetId="15">瀬谷区!$A$1:$K$66</definedName>
    <definedName name="_xlnm.Print_Area" localSheetId="45">清川村!$A$1:$K$66</definedName>
    <definedName name="_xlnm.Print_Area" localSheetId="4">西区!$A$1:$K$66</definedName>
    <definedName name="_xlnm.Print_Area" localSheetId="18">青葉区!$A$1:$K$66</definedName>
    <definedName name="_xlnm.Print_Area" localSheetId="21">川崎区!$A$1:$K$66</definedName>
    <definedName name="_xlnm.Print_Area" localSheetId="20">川崎市!$A$1:$K$66</definedName>
    <definedName name="_xlnm.Print_Area" localSheetId="17">泉区!$A$1:$K$66</definedName>
    <definedName name="_xlnm.Print_Area" localSheetId="35">相模原市!$A$1:$K$66</definedName>
    <definedName name="_xlnm.Print_Area" localSheetId="25">多摩区!$A$1:$K$66</definedName>
    <definedName name="_xlnm.Print_Area" localSheetId="59">大井町!$A$1:$K$66</definedName>
    <definedName name="_xlnm.Print_Area" localSheetId="53">大磯町!$A$1:$K$66</definedName>
    <definedName name="_xlnm.Print_Area" localSheetId="40">大和市!$A$1:$K$66</definedName>
    <definedName name="_xlnm.Print_Area" localSheetId="58">中井町!$A$1:$K$66</definedName>
    <definedName name="_xlnm.Print_Area" localSheetId="37">中央区!$A$1:$K$66</definedName>
    <definedName name="_xlnm.Print_Area" localSheetId="5">中区!$A$1:$K$66</definedName>
    <definedName name="_xlnm.Print_Area" localSheetId="23">中原区!$A$1:$K$66</definedName>
    <definedName name="_xlnm.Print_Area" localSheetId="2">鶴見区!$A$1:$K$66</definedName>
    <definedName name="_xlnm.Print_Area" localSheetId="19">都筑区!$A$1:$K$66</definedName>
    <definedName name="_xlnm.Print_Area" localSheetId="65">湯河原町!$A$1:$K$66</definedName>
    <definedName name="_xlnm.Print_Area" localSheetId="48">藤沢市!$A$1:$K$66</definedName>
    <definedName name="_xlnm.Print_Area" localSheetId="6">南区!$A$1:$K$66</definedName>
    <definedName name="_xlnm.Print_Area" localSheetId="38">'南区(相)'!$A$1:$K$66</definedName>
    <definedName name="_xlnm.Print_Area" localSheetId="57">南足柄市!$A$1:$K$66</definedName>
    <definedName name="_xlnm.Print_Area" localSheetId="54">二宮町!$A$1:$K$66</definedName>
    <definedName name="_xlnm.Print_Area" localSheetId="63">箱根町!$A$1:$K$66</definedName>
    <definedName name="_xlnm.Print_Area" localSheetId="47">平塚市!$A$1:$K$66</definedName>
    <definedName name="_xlnm.Print_Area" localSheetId="7">保土ケ谷区!$A$1:$K$66</definedName>
    <definedName name="_xlnm.Print_Area" localSheetId="27">麻生区!$A$1:$K$66</definedName>
    <definedName name="_xlnm.Print_Area" localSheetId="33">葉山町!$A$1:$K$66</definedName>
    <definedName name="_xlnm.Print_Area" localSheetId="14">緑区!$A$1:$K$66</definedName>
    <definedName name="_xlnm.Print_Area" localSheetId="36">'緑区(相)'!$A$1:$K$6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844" uniqueCount="194">
  <si>
    <t>第１表　年齢(各歳・５歳階級)別、男女別人口</t>
  </si>
  <si>
    <t>神奈川県</t>
  </si>
  <si>
    <t>(単位：人）平成31年1月1日現在</t>
    <rPh sb="1" eb="3">
      <t>タンイ</t>
    </rPh>
    <rPh sb="4" eb="5">
      <t>ニン</t>
    </rPh>
    <phoneticPr fontId="6"/>
  </si>
  <si>
    <t>年　齢</t>
  </si>
  <si>
    <t>総　数</t>
  </si>
  <si>
    <t>男</t>
  </si>
  <si>
    <t>女</t>
  </si>
  <si>
    <t>0～4</t>
  </si>
  <si>
    <t>50～54</t>
  </si>
  <si>
    <t>0</t>
  </si>
  <si>
    <t>50</t>
  </si>
  <si>
    <t>1</t>
  </si>
  <si>
    <t>51</t>
  </si>
  <si>
    <t>2</t>
  </si>
  <si>
    <t>52</t>
  </si>
  <si>
    <t>3</t>
  </si>
  <si>
    <t>53</t>
  </si>
  <si>
    <t>4</t>
  </si>
  <si>
    <t>54</t>
  </si>
  <si>
    <t>5～9</t>
  </si>
  <si>
    <t>55～59</t>
  </si>
  <si>
    <t>5</t>
  </si>
  <si>
    <t>55</t>
  </si>
  <si>
    <t>6</t>
  </si>
  <si>
    <t>56</t>
  </si>
  <si>
    <t>7</t>
  </si>
  <si>
    <t>57</t>
  </si>
  <si>
    <t>8</t>
  </si>
  <si>
    <t>58</t>
  </si>
  <si>
    <t>9</t>
  </si>
  <si>
    <t>59</t>
  </si>
  <si>
    <t>10～14</t>
  </si>
  <si>
    <t>60～64</t>
  </si>
  <si>
    <t>10</t>
  </si>
  <si>
    <t>60</t>
  </si>
  <si>
    <t>11</t>
  </si>
  <si>
    <t>61</t>
  </si>
  <si>
    <t>12</t>
  </si>
  <si>
    <t>62</t>
  </si>
  <si>
    <t>13</t>
  </si>
  <si>
    <t>63</t>
  </si>
  <si>
    <t>14</t>
  </si>
  <si>
    <t>64</t>
  </si>
  <si>
    <t>15～19</t>
  </si>
  <si>
    <t>65～69</t>
  </si>
  <si>
    <t>15</t>
  </si>
  <si>
    <t>65</t>
  </si>
  <si>
    <t>16</t>
  </si>
  <si>
    <t>66</t>
  </si>
  <si>
    <t>17</t>
  </si>
  <si>
    <t>67</t>
  </si>
  <si>
    <t>18</t>
  </si>
  <si>
    <t>68</t>
  </si>
  <si>
    <t>19</t>
  </si>
  <si>
    <t>69</t>
  </si>
  <si>
    <t>20～24</t>
  </si>
  <si>
    <t>70～74</t>
  </si>
  <si>
    <t>20</t>
  </si>
  <si>
    <t>70</t>
  </si>
  <si>
    <t>21</t>
  </si>
  <si>
    <t>71</t>
  </si>
  <si>
    <t>22</t>
  </si>
  <si>
    <t>72</t>
  </si>
  <si>
    <t>23</t>
  </si>
  <si>
    <t>73</t>
  </si>
  <si>
    <t>24</t>
  </si>
  <si>
    <t>74</t>
  </si>
  <si>
    <t>25～29</t>
  </si>
  <si>
    <t>75～79</t>
  </si>
  <si>
    <t>25</t>
  </si>
  <si>
    <t>75</t>
  </si>
  <si>
    <t>26</t>
  </si>
  <si>
    <t>76</t>
  </si>
  <si>
    <t>27</t>
  </si>
  <si>
    <t>77</t>
  </si>
  <si>
    <t>28</t>
  </si>
  <si>
    <t>78</t>
  </si>
  <si>
    <t>29</t>
  </si>
  <si>
    <t>79</t>
  </si>
  <si>
    <t>30～34</t>
  </si>
  <si>
    <t>80～84</t>
  </si>
  <si>
    <t>30</t>
  </si>
  <si>
    <t>80</t>
  </si>
  <si>
    <t>31</t>
  </si>
  <si>
    <t>81</t>
  </si>
  <si>
    <t>32</t>
  </si>
  <si>
    <t>82</t>
  </si>
  <si>
    <t>33</t>
  </si>
  <si>
    <t>83</t>
  </si>
  <si>
    <t>34</t>
  </si>
  <si>
    <t>84</t>
  </si>
  <si>
    <t>35～39</t>
  </si>
  <si>
    <t>85～89</t>
  </si>
  <si>
    <t>35</t>
  </si>
  <si>
    <t>85</t>
  </si>
  <si>
    <t>36</t>
  </si>
  <si>
    <t>86</t>
  </si>
  <si>
    <t>37</t>
  </si>
  <si>
    <t>87</t>
  </si>
  <si>
    <t>38</t>
  </si>
  <si>
    <t>88</t>
  </si>
  <si>
    <t>39</t>
  </si>
  <si>
    <t>89</t>
  </si>
  <si>
    <t>40～44</t>
  </si>
  <si>
    <t>90～94</t>
  </si>
  <si>
    <t>40</t>
  </si>
  <si>
    <t>90</t>
  </si>
  <si>
    <t>41</t>
  </si>
  <si>
    <t>91</t>
  </si>
  <si>
    <t>42</t>
  </si>
  <si>
    <t>92</t>
  </si>
  <si>
    <t>43</t>
  </si>
  <si>
    <t>93</t>
  </si>
  <si>
    <t>44</t>
  </si>
  <si>
    <t>94</t>
  </si>
  <si>
    <t>45～49</t>
  </si>
  <si>
    <t>95～99</t>
  </si>
  <si>
    <t>45</t>
  </si>
  <si>
    <t>95</t>
  </si>
  <si>
    <t>46</t>
  </si>
  <si>
    <t>96</t>
  </si>
  <si>
    <t>47</t>
  </si>
  <si>
    <t>97</t>
  </si>
  <si>
    <t>48</t>
  </si>
  <si>
    <t>98</t>
  </si>
  <si>
    <t>49</t>
  </si>
  <si>
    <t>99</t>
  </si>
  <si>
    <t>100以上</t>
  </si>
  <si>
    <t>年齢不詳</t>
  </si>
  <si>
    <t>横須賀三浦地域</t>
    <rPh sb="5" eb="7">
      <t>チイキ</t>
    </rPh>
    <phoneticPr fontId="6"/>
  </si>
  <si>
    <t>県央地域</t>
    <rPh sb="2" eb="4">
      <t>チイキ</t>
    </rPh>
    <phoneticPr fontId="6"/>
  </si>
  <si>
    <t>湘南地域</t>
    <rPh sb="2" eb="4">
      <t>チイキ</t>
    </rPh>
    <phoneticPr fontId="6"/>
  </si>
  <si>
    <t>県西地域</t>
    <rPh sb="0" eb="1">
      <t>ケン</t>
    </rPh>
    <rPh sb="2" eb="4">
      <t>チイキ</t>
    </rPh>
    <phoneticPr fontId="6"/>
  </si>
  <si>
    <t>横 浜 市</t>
  </si>
  <si>
    <t>横浜市　鶴見区</t>
    <rPh sb="0" eb="3">
      <t>ヨコハマシ</t>
    </rPh>
    <phoneticPr fontId="6"/>
  </si>
  <si>
    <t>横浜市　神奈川区</t>
    <phoneticPr fontId="6"/>
  </si>
  <si>
    <t>横浜市　西区</t>
    <phoneticPr fontId="6"/>
  </si>
  <si>
    <t>横浜市　中区</t>
    <phoneticPr fontId="6"/>
  </si>
  <si>
    <t>横浜市　南区</t>
    <phoneticPr fontId="6"/>
  </si>
  <si>
    <t>横浜市　保土ケ谷区</t>
    <rPh sb="4" eb="8">
      <t>ホドガヤ</t>
    </rPh>
    <rPh sb="8" eb="9">
      <t>ク</t>
    </rPh>
    <phoneticPr fontId="6"/>
  </si>
  <si>
    <t>横浜市　磯子区</t>
    <phoneticPr fontId="6"/>
  </si>
  <si>
    <t>横浜市　金沢区</t>
    <phoneticPr fontId="6"/>
  </si>
  <si>
    <t>横浜市　港北区</t>
    <phoneticPr fontId="6"/>
  </si>
  <si>
    <t>横浜市　戸塚区</t>
    <phoneticPr fontId="6"/>
  </si>
  <si>
    <t>横浜市　港南区</t>
    <phoneticPr fontId="6"/>
  </si>
  <si>
    <t>横浜市　旭区</t>
    <phoneticPr fontId="6"/>
  </si>
  <si>
    <t>横浜市　緑区</t>
    <phoneticPr fontId="6"/>
  </si>
  <si>
    <t>横浜市　瀬谷区</t>
    <phoneticPr fontId="6"/>
  </si>
  <si>
    <t>横浜市　栄区</t>
    <phoneticPr fontId="6"/>
  </si>
  <si>
    <t>横浜市　泉区</t>
    <phoneticPr fontId="6"/>
  </si>
  <si>
    <t>横浜市　青葉区</t>
    <phoneticPr fontId="6"/>
  </si>
  <si>
    <t>横浜市　都筑区</t>
    <phoneticPr fontId="6"/>
  </si>
  <si>
    <t>川 崎 市</t>
  </si>
  <si>
    <t>川崎市　川崎区</t>
    <rPh sb="0" eb="3">
      <t>カワサキシ</t>
    </rPh>
    <phoneticPr fontId="6"/>
  </si>
  <si>
    <t>川崎市　幸区</t>
    <phoneticPr fontId="6"/>
  </si>
  <si>
    <t>川崎市　中原区</t>
    <phoneticPr fontId="6"/>
  </si>
  <si>
    <t>川崎市　高津区</t>
    <phoneticPr fontId="6"/>
  </si>
  <si>
    <t>川崎市　多摩区</t>
    <phoneticPr fontId="6"/>
  </si>
  <si>
    <t>川崎市　宮前区</t>
    <phoneticPr fontId="6"/>
  </si>
  <si>
    <t>川崎市　麻生区</t>
    <phoneticPr fontId="6"/>
  </si>
  <si>
    <t>相模原市</t>
    <rPh sb="0" eb="1">
      <t>ソウ</t>
    </rPh>
    <rPh sb="1" eb="2">
      <t>ボ</t>
    </rPh>
    <rPh sb="2" eb="3">
      <t>ハラ</t>
    </rPh>
    <rPh sb="3" eb="4">
      <t>シ</t>
    </rPh>
    <phoneticPr fontId="6"/>
  </si>
  <si>
    <t>相模原市　緑区</t>
    <rPh sb="0" eb="4">
      <t>サガミハラシ</t>
    </rPh>
    <rPh sb="5" eb="7">
      <t>ミドリク</t>
    </rPh>
    <phoneticPr fontId="6"/>
  </si>
  <si>
    <t>相模原市　中央区</t>
    <rPh sb="5" eb="8">
      <t>チュウオウク</t>
    </rPh>
    <phoneticPr fontId="6"/>
  </si>
  <si>
    <t>相模原市　南区</t>
    <phoneticPr fontId="6"/>
  </si>
  <si>
    <t>横須賀市</t>
  </si>
  <si>
    <t>平 塚 市</t>
  </si>
  <si>
    <t>鎌 倉 市</t>
  </si>
  <si>
    <t>藤 沢 市</t>
  </si>
  <si>
    <t>小田原市</t>
  </si>
  <si>
    <t>茅ヶ崎市</t>
  </si>
  <si>
    <t>逗 子 市</t>
  </si>
  <si>
    <t>三 浦 市</t>
  </si>
  <si>
    <t>秦 野 市</t>
  </si>
  <si>
    <t>厚 木 市</t>
  </si>
  <si>
    <t>大 和 市</t>
  </si>
  <si>
    <t>伊勢原市</t>
  </si>
  <si>
    <t>海老名市</t>
  </si>
  <si>
    <t>座 間 市</t>
  </si>
  <si>
    <t>南足柄市</t>
  </si>
  <si>
    <t>綾 瀬 市</t>
  </si>
  <si>
    <t>葉 山 町</t>
  </si>
  <si>
    <t>寒 川 町</t>
  </si>
  <si>
    <t>大 磯 町</t>
  </si>
  <si>
    <t>二 宮 町</t>
  </si>
  <si>
    <t>中 井 町</t>
  </si>
  <si>
    <t>大 井 町</t>
    <phoneticPr fontId="6"/>
  </si>
  <si>
    <t>松 田 町</t>
  </si>
  <si>
    <t>山 北 町</t>
  </si>
  <si>
    <t>開 成 町</t>
  </si>
  <si>
    <t>箱 根 町</t>
  </si>
  <si>
    <t>真 鶴 町</t>
  </si>
  <si>
    <t>湯河原町</t>
  </si>
  <si>
    <t>愛 川 町</t>
  </si>
  <si>
    <t>清 川 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>
    <font>
      <sz val="11"/>
      <name val="明朝"/>
      <family val="1"/>
      <charset val="128"/>
    </font>
    <font>
      <sz val="11"/>
      <name val="明朝"/>
      <family val="1"/>
      <charset val="128"/>
    </font>
    <font>
      <sz val="18"/>
      <name val="明朝"/>
      <family val="1"/>
      <charset val="128"/>
    </font>
    <font>
      <sz val="6"/>
      <name val="明朝"/>
      <family val="1"/>
      <charset val="128"/>
    </font>
    <font>
      <sz val="14"/>
      <name val="明朝"/>
      <family val="1"/>
      <charset val="128"/>
    </font>
    <font>
      <sz val="12"/>
      <name val="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double">
        <color indexed="64"/>
      </left>
      <right/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6">
    <xf numFmtId="0" fontId="0" fillId="0" borderId="0" xfId="0"/>
    <xf numFmtId="0" fontId="2" fillId="0" borderId="0" xfId="0" applyFont="1" applyFill="1" applyAlignment="1">
      <alignment horizontal="centerContinuous"/>
    </xf>
    <xf numFmtId="0" fontId="2" fillId="0" borderId="0" xfId="0" quotePrefix="1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0" fontId="0" fillId="0" borderId="0" xfId="0" applyFill="1"/>
    <xf numFmtId="0" fontId="4" fillId="0" borderId="1" xfId="0" quotePrefix="1" applyFont="1" applyFill="1" applyBorder="1" applyAlignment="1">
      <alignment horizontal="left"/>
    </xf>
    <xf numFmtId="0" fontId="4" fillId="0" borderId="1" xfId="0" applyFont="1" applyFill="1" applyBorder="1" applyAlignment="1">
      <alignment horizontal="left"/>
    </xf>
    <xf numFmtId="0" fontId="0" fillId="0" borderId="1" xfId="0" quotePrefix="1" applyFill="1" applyBorder="1" applyAlignment="1">
      <alignment horizontal="left"/>
    </xf>
    <xf numFmtId="0" fontId="0" fillId="0" borderId="1" xfId="0" applyFill="1" applyBorder="1"/>
    <xf numFmtId="0" fontId="1" fillId="0" borderId="1" xfId="0" quotePrefix="1" applyFont="1" applyFill="1" applyBorder="1" applyAlignment="1">
      <alignment horizontal="center"/>
    </xf>
    <xf numFmtId="0" fontId="1" fillId="0" borderId="2" xfId="0" quotePrefix="1" applyFont="1" applyFill="1" applyBorder="1" applyAlignment="1">
      <alignment horizontal="center"/>
    </xf>
    <xf numFmtId="0" fontId="1" fillId="0" borderId="3" xfId="0" quotePrefix="1" applyFont="1" applyFill="1" applyBorder="1" applyAlignment="1">
      <alignment horizontal="center"/>
    </xf>
    <xf numFmtId="0" fontId="1" fillId="0" borderId="0" xfId="0" quotePrefix="1" applyFont="1" applyFill="1" applyBorder="1" applyAlignment="1">
      <alignment horizontal="center"/>
    </xf>
    <xf numFmtId="3" fontId="1" fillId="0" borderId="4" xfId="0" quotePrefix="1" applyNumberFormat="1" applyFont="1" applyFill="1" applyBorder="1" applyAlignment="1">
      <alignment horizontal="right"/>
    </xf>
    <xf numFmtId="3" fontId="1" fillId="0" borderId="0" xfId="0" quotePrefix="1" applyNumberFormat="1" applyFont="1" applyFill="1" applyBorder="1" applyAlignment="1">
      <alignment horizontal="right"/>
    </xf>
    <xf numFmtId="0" fontId="1" fillId="0" borderId="5" xfId="0" quotePrefix="1" applyFont="1" applyFill="1" applyBorder="1" applyAlignment="1">
      <alignment horizontal="center"/>
    </xf>
    <xf numFmtId="0" fontId="1" fillId="0" borderId="4" xfId="0" quotePrefix="1" applyFont="1" applyFill="1" applyBorder="1" applyAlignment="1">
      <alignment horizontal="center"/>
    </xf>
    <xf numFmtId="0" fontId="1" fillId="0" borderId="0" xfId="0" quotePrefix="1" applyFont="1" applyFill="1" applyBorder="1" applyAlignment="1">
      <alignment horizontal="right"/>
    </xf>
    <xf numFmtId="0" fontId="1" fillId="0" borderId="5" xfId="0" quotePrefix="1" applyFont="1" applyFill="1" applyBorder="1" applyAlignment="1">
      <alignment horizontal="right"/>
    </xf>
    <xf numFmtId="3" fontId="1" fillId="0" borderId="0" xfId="0" applyNumberFormat="1" applyFont="1" applyFill="1" applyBorder="1"/>
    <xf numFmtId="56" fontId="1" fillId="0" borderId="0" xfId="0" quotePrefix="1" applyNumberFormat="1" applyFont="1" applyFill="1" applyBorder="1" applyAlignment="1">
      <alignment horizontal="right"/>
    </xf>
    <xf numFmtId="0" fontId="1" fillId="0" borderId="0" xfId="0" applyFont="1" applyFill="1"/>
    <xf numFmtId="0" fontId="1" fillId="0" borderId="4" xfId="0" applyFont="1" applyFill="1" applyBorder="1"/>
    <xf numFmtId="0" fontId="1" fillId="0" borderId="0" xfId="0" applyFont="1" applyFill="1" applyBorder="1"/>
    <xf numFmtId="0" fontId="1" fillId="0" borderId="1" xfId="0" applyFont="1" applyFill="1" applyBorder="1"/>
    <xf numFmtId="0" fontId="1" fillId="0" borderId="2" xfId="0" applyFont="1" applyFill="1" applyBorder="1"/>
    <xf numFmtId="0" fontId="1" fillId="0" borderId="3" xfId="0" quotePrefix="1" applyFont="1" applyFill="1" applyBorder="1" applyAlignment="1">
      <alignment horizontal="right"/>
    </xf>
    <xf numFmtId="0" fontId="1" fillId="0" borderId="1" xfId="0" quotePrefix="1" applyFont="1" applyFill="1" applyBorder="1" applyAlignment="1">
      <alignment horizontal="right"/>
    </xf>
    <xf numFmtId="3" fontId="1" fillId="0" borderId="2" xfId="0" quotePrefix="1" applyNumberFormat="1" applyFont="1" applyFill="1" applyBorder="1" applyAlignment="1">
      <alignment horizontal="right"/>
    </xf>
    <xf numFmtId="3" fontId="1" fillId="0" borderId="1" xfId="0" applyNumberFormat="1" applyFont="1" applyFill="1" applyBorder="1"/>
    <xf numFmtId="0" fontId="0" fillId="0" borderId="0" xfId="0" applyFill="1" applyBorder="1" applyAlignment="1">
      <alignment horizontal="center"/>
    </xf>
    <xf numFmtId="2" fontId="0" fillId="0" borderId="0" xfId="0" applyNumberFormat="1" applyFill="1" applyBorder="1"/>
    <xf numFmtId="0" fontId="0" fillId="0" borderId="0" xfId="0" applyFill="1" applyBorder="1"/>
    <xf numFmtId="0" fontId="1" fillId="0" borderId="2" xfId="0" applyFont="1" applyFill="1" applyBorder="1" applyAlignment="1">
      <alignment horizontal="center"/>
    </xf>
    <xf numFmtId="0" fontId="1" fillId="0" borderId="1" xfId="0" applyFont="1" applyFill="1" applyBorder="1" applyAlignment="1">
      <alignment horizontal="center"/>
    </xf>
    <xf numFmtId="0" fontId="1" fillId="0" borderId="0" xfId="0" applyFont="1" applyFill="1" applyBorder="1" applyAlignment="1">
      <alignment horizontal="center"/>
    </xf>
    <xf numFmtId="3" fontId="1" fillId="0" borderId="4" xfId="0" applyNumberFormat="1" applyFont="1" applyFill="1" applyBorder="1" applyAlignment="1">
      <alignment horizontal="right"/>
    </xf>
    <xf numFmtId="3" fontId="1" fillId="0" borderId="0" xfId="0" applyNumberFormat="1" applyFont="1" applyFill="1" applyBorder="1" applyAlignment="1">
      <alignment horizontal="right"/>
    </xf>
    <xf numFmtId="0" fontId="1" fillId="0" borderId="4" xfId="0" applyFont="1" applyFill="1" applyBorder="1" applyAlignment="1">
      <alignment horizontal="center"/>
    </xf>
    <xf numFmtId="0" fontId="1" fillId="0" borderId="5" xfId="0" applyFont="1" applyFill="1" applyBorder="1" applyAlignment="1">
      <alignment horizontal="right"/>
    </xf>
    <xf numFmtId="0" fontId="1" fillId="0" borderId="0" xfId="0" applyFont="1" applyFill="1" applyBorder="1" applyAlignment="1">
      <alignment horizontal="right"/>
    </xf>
    <xf numFmtId="3" fontId="1" fillId="0" borderId="2" xfId="0" applyNumberFormat="1" applyFont="1" applyFill="1" applyBorder="1" applyAlignment="1">
      <alignment horizontal="right"/>
    </xf>
    <xf numFmtId="0" fontId="4" fillId="0" borderId="1" xfId="0" applyFont="1" applyFill="1" applyBorder="1"/>
    <xf numFmtId="38" fontId="0" fillId="0" borderId="0" xfId="1" applyFont="1" applyFill="1" applyBorder="1"/>
    <xf numFmtId="0" fontId="5" fillId="0" borderId="1" xfId="0" applyFont="1" applyFill="1" applyBorder="1" applyAlignment="1">
      <alignment horizontal="right"/>
    </xf>
    <xf numFmtId="0" fontId="0" fillId="0" borderId="1" xfId="0" applyFill="1" applyBorder="1" applyAlignment="1">
      <alignment horizontal="right"/>
    </xf>
  </cellXfs>
  <cellStyles count="2"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79"/>
  <sheetViews>
    <sheetView tabSelected="1"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</v>
      </c>
      <c r="B2" s="6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181625</v>
      </c>
      <c r="D4" s="14">
        <v>4577523</v>
      </c>
      <c r="E4" s="14">
        <v>460410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52310</v>
      </c>
      <c r="D5" s="14">
        <v>180503</v>
      </c>
      <c r="E5" s="14">
        <v>171807</v>
      </c>
      <c r="F5" s="14"/>
      <c r="G5" s="18" t="s">
        <v>8</v>
      </c>
      <c r="H5" s="17"/>
      <c r="I5" s="13">
        <v>680919</v>
      </c>
      <c r="J5" s="14">
        <v>354738</v>
      </c>
      <c r="K5" s="14">
        <v>326181</v>
      </c>
    </row>
    <row r="6" spans="1:11" ht="15" customHeight="1">
      <c r="A6" s="17" t="s">
        <v>9</v>
      </c>
      <c r="B6" s="17"/>
      <c r="C6" s="13">
        <v>68422</v>
      </c>
      <c r="D6" s="19">
        <v>35237</v>
      </c>
      <c r="E6" s="19">
        <v>33185</v>
      </c>
      <c r="F6" s="19"/>
      <c r="G6" s="18" t="s">
        <v>10</v>
      </c>
      <c r="H6" s="17"/>
      <c r="I6" s="13">
        <v>149285</v>
      </c>
      <c r="J6" s="19">
        <v>77607</v>
      </c>
      <c r="K6" s="19">
        <v>71678</v>
      </c>
    </row>
    <row r="7" spans="1:11" ht="15" customHeight="1">
      <c r="A7" s="17" t="s">
        <v>11</v>
      </c>
      <c r="B7" s="17"/>
      <c r="C7" s="13">
        <v>70176</v>
      </c>
      <c r="D7" s="19">
        <v>35816</v>
      </c>
      <c r="E7" s="19">
        <v>34360</v>
      </c>
      <c r="F7" s="19"/>
      <c r="G7" s="18" t="s">
        <v>12</v>
      </c>
      <c r="H7" s="17"/>
      <c r="I7" s="13">
        <v>153395</v>
      </c>
      <c r="J7" s="19">
        <v>79799</v>
      </c>
      <c r="K7" s="19">
        <v>73596</v>
      </c>
    </row>
    <row r="8" spans="1:11" ht="15" customHeight="1">
      <c r="A8" s="17" t="s">
        <v>13</v>
      </c>
      <c r="B8" s="17"/>
      <c r="C8" s="13">
        <v>72660</v>
      </c>
      <c r="D8" s="19">
        <v>37345</v>
      </c>
      <c r="E8" s="19">
        <v>35315</v>
      </c>
      <c r="F8" s="19"/>
      <c r="G8" s="18" t="s">
        <v>14</v>
      </c>
      <c r="H8" s="17"/>
      <c r="I8" s="13">
        <v>109765</v>
      </c>
      <c r="J8" s="19">
        <v>57211</v>
      </c>
      <c r="K8" s="19">
        <v>52554</v>
      </c>
    </row>
    <row r="9" spans="1:11" ht="15" customHeight="1">
      <c r="A9" s="17" t="s">
        <v>15</v>
      </c>
      <c r="B9" s="17"/>
      <c r="C9" s="13">
        <v>70270</v>
      </c>
      <c r="D9" s="19">
        <v>35878</v>
      </c>
      <c r="E9" s="19">
        <v>34392</v>
      </c>
      <c r="F9" s="19"/>
      <c r="G9" s="18" t="s">
        <v>16</v>
      </c>
      <c r="H9" s="17"/>
      <c r="I9" s="13">
        <v>140510</v>
      </c>
      <c r="J9" s="19">
        <v>73255</v>
      </c>
      <c r="K9" s="19">
        <v>67255</v>
      </c>
    </row>
    <row r="10" spans="1:11" ht="15" customHeight="1">
      <c r="A10" s="17" t="s">
        <v>17</v>
      </c>
      <c r="B10" s="17"/>
      <c r="C10" s="13">
        <v>70782</v>
      </c>
      <c r="D10" s="19">
        <v>36227</v>
      </c>
      <c r="E10" s="19">
        <v>34555</v>
      </c>
      <c r="F10" s="19"/>
      <c r="G10" s="18" t="s">
        <v>18</v>
      </c>
      <c r="H10" s="17"/>
      <c r="I10" s="13">
        <v>127964</v>
      </c>
      <c r="J10" s="19">
        <v>66866</v>
      </c>
      <c r="K10" s="19">
        <v>61098</v>
      </c>
    </row>
    <row r="11" spans="1:11" ht="20.100000000000001" customHeight="1">
      <c r="A11" s="17" t="s">
        <v>19</v>
      </c>
      <c r="B11" s="17"/>
      <c r="C11" s="13">
        <v>370662</v>
      </c>
      <c r="D11" s="14">
        <v>189413</v>
      </c>
      <c r="E11" s="14">
        <v>181249</v>
      </c>
      <c r="F11" s="14"/>
      <c r="G11" s="18" t="s">
        <v>20</v>
      </c>
      <c r="H11" s="17"/>
      <c r="I11" s="13">
        <v>550216</v>
      </c>
      <c r="J11" s="14">
        <v>284595</v>
      </c>
      <c r="K11" s="14">
        <v>265621</v>
      </c>
    </row>
    <row r="12" spans="1:11" ht="15" customHeight="1">
      <c r="A12" s="17" t="s">
        <v>21</v>
      </c>
      <c r="B12" s="17"/>
      <c r="C12" s="13">
        <v>72454</v>
      </c>
      <c r="D12" s="19">
        <v>37126</v>
      </c>
      <c r="E12" s="19">
        <v>35328</v>
      </c>
      <c r="F12" s="19"/>
      <c r="G12" s="18" t="s">
        <v>22</v>
      </c>
      <c r="H12" s="17"/>
      <c r="I12" s="13">
        <v>120831</v>
      </c>
      <c r="J12" s="19">
        <v>63039</v>
      </c>
      <c r="K12" s="19">
        <v>57792</v>
      </c>
    </row>
    <row r="13" spans="1:11" ht="15" customHeight="1">
      <c r="A13" s="17" t="s">
        <v>23</v>
      </c>
      <c r="B13" s="17"/>
      <c r="C13" s="13">
        <v>73411</v>
      </c>
      <c r="D13" s="19">
        <v>37516</v>
      </c>
      <c r="E13" s="19">
        <v>35895</v>
      </c>
      <c r="F13" s="19"/>
      <c r="G13" s="18" t="s">
        <v>24</v>
      </c>
      <c r="H13" s="17"/>
      <c r="I13" s="13">
        <v>113679</v>
      </c>
      <c r="J13" s="19">
        <v>58915</v>
      </c>
      <c r="K13" s="19">
        <v>54764</v>
      </c>
    </row>
    <row r="14" spans="1:11" ht="15" customHeight="1">
      <c r="A14" s="17" t="s">
        <v>25</v>
      </c>
      <c r="B14" s="17"/>
      <c r="C14" s="13">
        <v>74096</v>
      </c>
      <c r="D14" s="19">
        <v>37947</v>
      </c>
      <c r="E14" s="19">
        <v>36149</v>
      </c>
      <c r="F14" s="19"/>
      <c r="G14" s="18" t="s">
        <v>26</v>
      </c>
      <c r="H14" s="17"/>
      <c r="I14" s="13">
        <v>108458</v>
      </c>
      <c r="J14" s="19">
        <v>56118</v>
      </c>
      <c r="K14" s="19">
        <v>52340</v>
      </c>
    </row>
    <row r="15" spans="1:11" ht="15" customHeight="1">
      <c r="A15" s="17" t="s">
        <v>27</v>
      </c>
      <c r="B15" s="17"/>
      <c r="C15" s="13">
        <v>75161</v>
      </c>
      <c r="D15" s="19">
        <v>38346</v>
      </c>
      <c r="E15" s="19">
        <v>36815</v>
      </c>
      <c r="F15" s="19"/>
      <c r="G15" s="18" t="s">
        <v>28</v>
      </c>
      <c r="H15" s="17"/>
      <c r="I15" s="13">
        <v>105446</v>
      </c>
      <c r="J15" s="19">
        <v>53943</v>
      </c>
      <c r="K15" s="19">
        <v>51503</v>
      </c>
    </row>
    <row r="16" spans="1:11" ht="15" customHeight="1">
      <c r="A16" s="17" t="s">
        <v>29</v>
      </c>
      <c r="B16" s="17"/>
      <c r="C16" s="13">
        <v>75540</v>
      </c>
      <c r="D16" s="19">
        <v>38478</v>
      </c>
      <c r="E16" s="19">
        <v>37062</v>
      </c>
      <c r="F16" s="19"/>
      <c r="G16" s="18" t="s">
        <v>30</v>
      </c>
      <c r="H16" s="17"/>
      <c r="I16" s="13">
        <v>101802</v>
      </c>
      <c r="J16" s="19">
        <v>52580</v>
      </c>
      <c r="K16" s="19">
        <v>49222</v>
      </c>
    </row>
    <row r="17" spans="1:11" ht="20.100000000000001" customHeight="1">
      <c r="A17" s="20" t="s">
        <v>31</v>
      </c>
      <c r="B17" s="20"/>
      <c r="C17" s="13">
        <v>383169</v>
      </c>
      <c r="D17" s="14">
        <v>196478</v>
      </c>
      <c r="E17" s="14">
        <v>186691</v>
      </c>
      <c r="F17" s="14"/>
      <c r="G17" s="18" t="s">
        <v>32</v>
      </c>
      <c r="H17" s="17"/>
      <c r="I17" s="13">
        <v>483840</v>
      </c>
      <c r="J17" s="14">
        <v>243836</v>
      </c>
      <c r="K17" s="14">
        <v>240004</v>
      </c>
    </row>
    <row r="18" spans="1:11" ht="15" customHeight="1">
      <c r="A18" s="17" t="s">
        <v>33</v>
      </c>
      <c r="B18" s="17"/>
      <c r="C18" s="13">
        <v>76909</v>
      </c>
      <c r="D18" s="19">
        <v>39483</v>
      </c>
      <c r="E18" s="19">
        <v>37426</v>
      </c>
      <c r="F18" s="19"/>
      <c r="G18" s="18" t="s">
        <v>34</v>
      </c>
      <c r="H18" s="17"/>
      <c r="I18" s="13">
        <v>101059</v>
      </c>
      <c r="J18" s="19">
        <v>51575</v>
      </c>
      <c r="K18" s="19">
        <v>49484</v>
      </c>
    </row>
    <row r="19" spans="1:11" ht="15" customHeight="1">
      <c r="A19" s="17" t="s">
        <v>35</v>
      </c>
      <c r="B19" s="17"/>
      <c r="C19" s="13">
        <v>76757</v>
      </c>
      <c r="D19" s="19">
        <v>39443</v>
      </c>
      <c r="E19" s="19">
        <v>37314</v>
      </c>
      <c r="F19" s="19"/>
      <c r="G19" s="18" t="s">
        <v>36</v>
      </c>
      <c r="H19" s="17"/>
      <c r="I19" s="13">
        <v>92854</v>
      </c>
      <c r="J19" s="19">
        <v>46823</v>
      </c>
      <c r="K19" s="19">
        <v>46031</v>
      </c>
    </row>
    <row r="20" spans="1:11" ht="15" customHeight="1">
      <c r="A20" s="17" t="s">
        <v>37</v>
      </c>
      <c r="B20" s="17"/>
      <c r="C20" s="13">
        <v>76984</v>
      </c>
      <c r="D20" s="19">
        <v>39559</v>
      </c>
      <c r="E20" s="19">
        <v>37425</v>
      </c>
      <c r="F20" s="19"/>
      <c r="G20" s="18" t="s">
        <v>38</v>
      </c>
      <c r="H20" s="17"/>
      <c r="I20" s="13">
        <v>94999</v>
      </c>
      <c r="J20" s="19">
        <v>48011</v>
      </c>
      <c r="K20" s="19">
        <v>46988</v>
      </c>
    </row>
    <row r="21" spans="1:11" ht="15" customHeight="1">
      <c r="A21" s="17" t="s">
        <v>39</v>
      </c>
      <c r="B21" s="17"/>
      <c r="C21" s="13">
        <v>74709</v>
      </c>
      <c r="D21" s="19">
        <v>38038</v>
      </c>
      <c r="E21" s="19">
        <v>36671</v>
      </c>
      <c r="F21" s="19"/>
      <c r="G21" s="18" t="s">
        <v>40</v>
      </c>
      <c r="H21" s="17"/>
      <c r="I21" s="13">
        <v>97808</v>
      </c>
      <c r="J21" s="19">
        <v>49054</v>
      </c>
      <c r="K21" s="19">
        <v>48754</v>
      </c>
    </row>
    <row r="22" spans="1:11" ht="15" customHeight="1">
      <c r="A22" s="17" t="s">
        <v>41</v>
      </c>
      <c r="B22" s="17"/>
      <c r="C22" s="13">
        <v>77810</v>
      </c>
      <c r="D22" s="19">
        <v>39955</v>
      </c>
      <c r="E22" s="19">
        <v>37855</v>
      </c>
      <c r="F22" s="19"/>
      <c r="G22" s="18" t="s">
        <v>42</v>
      </c>
      <c r="H22" s="17"/>
      <c r="I22" s="13">
        <v>97120</v>
      </c>
      <c r="J22" s="19">
        <v>48373</v>
      </c>
      <c r="K22" s="19">
        <v>48747</v>
      </c>
    </row>
    <row r="23" spans="1:11" ht="20.100000000000001" customHeight="1">
      <c r="A23" s="17" t="s">
        <v>43</v>
      </c>
      <c r="B23" s="17"/>
      <c r="C23" s="13">
        <v>418266</v>
      </c>
      <c r="D23" s="14">
        <v>214087</v>
      </c>
      <c r="E23" s="14">
        <v>204179</v>
      </c>
      <c r="F23" s="14"/>
      <c r="G23" s="18" t="s">
        <v>44</v>
      </c>
      <c r="H23" s="17"/>
      <c r="I23" s="13">
        <v>584410</v>
      </c>
      <c r="J23" s="14">
        <v>284866</v>
      </c>
      <c r="K23" s="14">
        <v>299544</v>
      </c>
    </row>
    <row r="24" spans="1:11" ht="15" customHeight="1">
      <c r="A24" s="17" t="s">
        <v>45</v>
      </c>
      <c r="B24" s="17"/>
      <c r="C24" s="13">
        <v>79855</v>
      </c>
      <c r="D24" s="19">
        <v>41081</v>
      </c>
      <c r="E24" s="19">
        <v>38774</v>
      </c>
      <c r="F24" s="19"/>
      <c r="G24" s="18" t="s">
        <v>46</v>
      </c>
      <c r="H24" s="17"/>
      <c r="I24" s="13">
        <v>100441</v>
      </c>
      <c r="J24" s="19">
        <v>49598</v>
      </c>
      <c r="K24" s="19">
        <v>50843</v>
      </c>
    </row>
    <row r="25" spans="1:11" ht="15" customHeight="1">
      <c r="A25" s="17" t="s">
        <v>47</v>
      </c>
      <c r="B25" s="17"/>
      <c r="C25" s="13">
        <v>80778</v>
      </c>
      <c r="D25" s="19">
        <v>40923</v>
      </c>
      <c r="E25" s="19">
        <v>39855</v>
      </c>
      <c r="F25" s="19"/>
      <c r="G25" s="18" t="s">
        <v>48</v>
      </c>
      <c r="H25" s="17"/>
      <c r="I25" s="13">
        <v>108606</v>
      </c>
      <c r="J25" s="19">
        <v>53183</v>
      </c>
      <c r="K25" s="19">
        <v>55423</v>
      </c>
    </row>
    <row r="26" spans="1:11" ht="15" customHeight="1">
      <c r="A26" s="17" t="s">
        <v>49</v>
      </c>
      <c r="B26" s="17"/>
      <c r="C26" s="13">
        <v>81851</v>
      </c>
      <c r="D26" s="19">
        <v>41958</v>
      </c>
      <c r="E26" s="19">
        <v>39893</v>
      </c>
      <c r="F26" s="19"/>
      <c r="G26" s="18" t="s">
        <v>50</v>
      </c>
      <c r="H26" s="17"/>
      <c r="I26" s="13">
        <v>113416</v>
      </c>
      <c r="J26" s="19">
        <v>55461</v>
      </c>
      <c r="K26" s="19">
        <v>57955</v>
      </c>
    </row>
    <row r="27" spans="1:11" ht="15" customHeight="1">
      <c r="A27" s="17" t="s">
        <v>51</v>
      </c>
      <c r="B27" s="17"/>
      <c r="C27" s="13">
        <v>86770</v>
      </c>
      <c r="D27" s="19">
        <v>44358</v>
      </c>
      <c r="E27" s="19">
        <v>42412</v>
      </c>
      <c r="F27" s="19"/>
      <c r="G27" s="18" t="s">
        <v>52</v>
      </c>
      <c r="H27" s="17"/>
      <c r="I27" s="13">
        <v>122178</v>
      </c>
      <c r="J27" s="19">
        <v>59497</v>
      </c>
      <c r="K27" s="19">
        <v>62681</v>
      </c>
    </row>
    <row r="28" spans="1:11" ht="15" customHeight="1">
      <c r="A28" s="17" t="s">
        <v>53</v>
      </c>
      <c r="B28" s="17"/>
      <c r="C28" s="13">
        <v>89012</v>
      </c>
      <c r="D28" s="19">
        <v>45767</v>
      </c>
      <c r="E28" s="19">
        <v>43245</v>
      </c>
      <c r="F28" s="19"/>
      <c r="G28" s="18" t="s">
        <v>54</v>
      </c>
      <c r="H28" s="17"/>
      <c r="I28" s="13">
        <v>139769</v>
      </c>
      <c r="J28" s="19">
        <v>67127</v>
      </c>
      <c r="K28" s="19">
        <v>72642</v>
      </c>
    </row>
    <row r="29" spans="1:11" ht="20.100000000000001" customHeight="1">
      <c r="A29" s="17" t="s">
        <v>55</v>
      </c>
      <c r="B29" s="17"/>
      <c r="C29" s="13">
        <v>509240</v>
      </c>
      <c r="D29" s="14">
        <v>265547</v>
      </c>
      <c r="E29" s="14">
        <v>243693</v>
      </c>
      <c r="F29" s="14"/>
      <c r="G29" s="18" t="s">
        <v>56</v>
      </c>
      <c r="H29" s="17"/>
      <c r="I29" s="13">
        <v>555395</v>
      </c>
      <c r="J29" s="14">
        <v>261688</v>
      </c>
      <c r="K29" s="14">
        <v>293707</v>
      </c>
    </row>
    <row r="30" spans="1:11" ht="15" customHeight="1">
      <c r="A30" s="17" t="s">
        <v>57</v>
      </c>
      <c r="B30" s="17"/>
      <c r="C30" s="13">
        <v>92452</v>
      </c>
      <c r="D30" s="19">
        <v>47991</v>
      </c>
      <c r="E30" s="19">
        <v>44461</v>
      </c>
      <c r="F30" s="19"/>
      <c r="G30" s="18" t="s">
        <v>58</v>
      </c>
      <c r="H30" s="17"/>
      <c r="I30" s="13">
        <v>136574</v>
      </c>
      <c r="J30" s="19">
        <v>65030</v>
      </c>
      <c r="K30" s="19">
        <v>71544</v>
      </c>
    </row>
    <row r="31" spans="1:11" ht="15" customHeight="1">
      <c r="A31" s="17" t="s">
        <v>59</v>
      </c>
      <c r="B31" s="17"/>
      <c r="C31" s="13">
        <v>96950</v>
      </c>
      <c r="D31" s="19">
        <v>50408</v>
      </c>
      <c r="E31" s="19">
        <v>46542</v>
      </c>
      <c r="F31" s="19"/>
      <c r="G31" s="18" t="s">
        <v>60</v>
      </c>
      <c r="H31" s="17"/>
      <c r="I31" s="13">
        <v>136092</v>
      </c>
      <c r="J31" s="19">
        <v>64496</v>
      </c>
      <c r="K31" s="19">
        <v>71596</v>
      </c>
    </row>
    <row r="32" spans="1:11">
      <c r="A32" s="17" t="s">
        <v>61</v>
      </c>
      <c r="B32" s="17"/>
      <c r="C32" s="13">
        <v>105405</v>
      </c>
      <c r="D32" s="19">
        <v>55325</v>
      </c>
      <c r="E32" s="19">
        <v>50080</v>
      </c>
      <c r="F32" s="19"/>
      <c r="G32" s="18" t="s">
        <v>62</v>
      </c>
      <c r="H32" s="17"/>
      <c r="I32" s="13">
        <v>93950</v>
      </c>
      <c r="J32" s="19">
        <v>44282</v>
      </c>
      <c r="K32" s="19">
        <v>49668</v>
      </c>
    </row>
    <row r="33" spans="1:11" ht="15" customHeight="1">
      <c r="A33" s="17" t="s">
        <v>63</v>
      </c>
      <c r="B33" s="17"/>
      <c r="C33" s="13">
        <v>106576</v>
      </c>
      <c r="D33" s="19">
        <v>55477</v>
      </c>
      <c r="E33" s="19">
        <v>51099</v>
      </c>
      <c r="F33" s="19"/>
      <c r="G33" s="18" t="s">
        <v>64</v>
      </c>
      <c r="H33" s="17"/>
      <c r="I33" s="13">
        <v>84975</v>
      </c>
      <c r="J33" s="19">
        <v>39696</v>
      </c>
      <c r="K33" s="19">
        <v>45279</v>
      </c>
    </row>
    <row r="34" spans="1:11" ht="15" customHeight="1">
      <c r="A34" s="17" t="s">
        <v>65</v>
      </c>
      <c r="B34" s="17"/>
      <c r="C34" s="13">
        <v>107857</v>
      </c>
      <c r="D34" s="19">
        <v>56346</v>
      </c>
      <c r="E34" s="19">
        <v>51511</v>
      </c>
      <c r="F34" s="19"/>
      <c r="G34" s="18" t="s">
        <v>66</v>
      </c>
      <c r="H34" s="17"/>
      <c r="I34" s="13">
        <v>103804</v>
      </c>
      <c r="J34" s="19">
        <v>48184</v>
      </c>
      <c r="K34" s="19">
        <v>55620</v>
      </c>
    </row>
    <row r="35" spans="1:11" ht="20.100000000000001" customHeight="1">
      <c r="A35" s="17" t="s">
        <v>67</v>
      </c>
      <c r="B35" s="17"/>
      <c r="C35" s="13">
        <v>486089</v>
      </c>
      <c r="D35" s="14">
        <v>255009</v>
      </c>
      <c r="E35" s="14">
        <v>231080</v>
      </c>
      <c r="F35" s="14"/>
      <c r="G35" s="18" t="s">
        <v>68</v>
      </c>
      <c r="H35" s="17"/>
      <c r="I35" s="13">
        <v>482467</v>
      </c>
      <c r="J35" s="14">
        <v>219850</v>
      </c>
      <c r="K35" s="14">
        <v>262617</v>
      </c>
    </row>
    <row r="36" spans="1:11" ht="15" customHeight="1">
      <c r="A36" s="17" t="s">
        <v>69</v>
      </c>
      <c r="B36" s="17"/>
      <c r="C36" s="13">
        <v>102112</v>
      </c>
      <c r="D36" s="19">
        <v>53912</v>
      </c>
      <c r="E36" s="19">
        <v>48200</v>
      </c>
      <c r="F36" s="19"/>
      <c r="G36" s="18" t="s">
        <v>70</v>
      </c>
      <c r="H36" s="17"/>
      <c r="I36" s="13">
        <v>109070</v>
      </c>
      <c r="J36" s="19">
        <v>50268</v>
      </c>
      <c r="K36" s="19">
        <v>58802</v>
      </c>
    </row>
    <row r="37" spans="1:11" ht="15" customHeight="1">
      <c r="A37" s="17" t="s">
        <v>71</v>
      </c>
      <c r="B37" s="17"/>
      <c r="C37" s="13">
        <v>97770</v>
      </c>
      <c r="D37" s="19">
        <v>51801</v>
      </c>
      <c r="E37" s="19">
        <v>45969</v>
      </c>
      <c r="F37" s="19"/>
      <c r="G37" s="18" t="s">
        <v>72</v>
      </c>
      <c r="H37" s="17"/>
      <c r="I37" s="13">
        <v>103004</v>
      </c>
      <c r="J37" s="19">
        <v>47262</v>
      </c>
      <c r="K37" s="19">
        <v>55742</v>
      </c>
    </row>
    <row r="38" spans="1:11" ht="15" customHeight="1">
      <c r="A38" s="17" t="s">
        <v>73</v>
      </c>
      <c r="B38" s="17"/>
      <c r="C38" s="13">
        <v>96477</v>
      </c>
      <c r="D38" s="19">
        <v>50532</v>
      </c>
      <c r="E38" s="19">
        <v>45945</v>
      </c>
      <c r="F38" s="19"/>
      <c r="G38" s="18" t="s">
        <v>74</v>
      </c>
      <c r="H38" s="17"/>
      <c r="I38" s="13">
        <v>101764</v>
      </c>
      <c r="J38" s="19">
        <v>46123</v>
      </c>
      <c r="K38" s="19">
        <v>55641</v>
      </c>
    </row>
    <row r="39" spans="1:11" ht="15" customHeight="1">
      <c r="A39" s="17" t="s">
        <v>75</v>
      </c>
      <c r="B39" s="17"/>
      <c r="C39" s="13">
        <v>94565</v>
      </c>
      <c r="D39" s="19">
        <v>49389</v>
      </c>
      <c r="E39" s="19">
        <v>45176</v>
      </c>
      <c r="F39" s="19"/>
      <c r="G39" s="18" t="s">
        <v>76</v>
      </c>
      <c r="H39" s="17"/>
      <c r="I39" s="13">
        <v>91081</v>
      </c>
      <c r="J39" s="19">
        <v>41045</v>
      </c>
      <c r="K39" s="19">
        <v>50036</v>
      </c>
    </row>
    <row r="40" spans="1:11" ht="15" customHeight="1">
      <c r="A40" s="17" t="s">
        <v>77</v>
      </c>
      <c r="B40" s="17"/>
      <c r="C40" s="13">
        <v>95165</v>
      </c>
      <c r="D40" s="19">
        <v>49375</v>
      </c>
      <c r="E40" s="19">
        <v>45790</v>
      </c>
      <c r="F40" s="19"/>
      <c r="G40" s="18" t="s">
        <v>78</v>
      </c>
      <c r="H40" s="17"/>
      <c r="I40" s="13">
        <v>77548</v>
      </c>
      <c r="J40" s="19">
        <v>35152</v>
      </c>
      <c r="K40" s="19">
        <v>42396</v>
      </c>
    </row>
    <row r="41" spans="1:11" ht="20.100000000000001" customHeight="1">
      <c r="A41" s="17" t="s">
        <v>79</v>
      </c>
      <c r="B41" s="17"/>
      <c r="C41" s="13">
        <v>519961</v>
      </c>
      <c r="D41" s="14">
        <v>269103</v>
      </c>
      <c r="E41" s="14">
        <v>250858</v>
      </c>
      <c r="F41" s="14"/>
      <c r="G41" s="18" t="s">
        <v>80</v>
      </c>
      <c r="H41" s="17"/>
      <c r="I41" s="13">
        <v>339209</v>
      </c>
      <c r="J41" s="14">
        <v>145974</v>
      </c>
      <c r="K41" s="14">
        <v>193235</v>
      </c>
    </row>
    <row r="42" spans="1:11" ht="15" customHeight="1">
      <c r="A42" s="17" t="s">
        <v>81</v>
      </c>
      <c r="B42" s="17"/>
      <c r="C42" s="13">
        <v>99572</v>
      </c>
      <c r="D42" s="19">
        <v>51435</v>
      </c>
      <c r="E42" s="19">
        <v>48137</v>
      </c>
      <c r="F42" s="19"/>
      <c r="G42" s="18" t="s">
        <v>82</v>
      </c>
      <c r="H42" s="17"/>
      <c r="I42" s="13">
        <v>72047</v>
      </c>
      <c r="J42" s="19">
        <v>32402</v>
      </c>
      <c r="K42" s="19">
        <v>39645</v>
      </c>
    </row>
    <row r="43" spans="1:11" ht="15" customHeight="1">
      <c r="A43" s="17" t="s">
        <v>83</v>
      </c>
      <c r="B43" s="17"/>
      <c r="C43" s="13">
        <v>100137</v>
      </c>
      <c r="D43" s="19">
        <v>52003</v>
      </c>
      <c r="E43" s="19">
        <v>48134</v>
      </c>
      <c r="F43" s="19"/>
      <c r="G43" s="18" t="s">
        <v>84</v>
      </c>
      <c r="H43" s="17"/>
      <c r="I43" s="13">
        <v>76280</v>
      </c>
      <c r="J43" s="19">
        <v>33414</v>
      </c>
      <c r="K43" s="19">
        <v>42866</v>
      </c>
    </row>
    <row r="44" spans="1:11" ht="15" customHeight="1">
      <c r="A44" s="17" t="s">
        <v>85</v>
      </c>
      <c r="B44" s="17"/>
      <c r="C44" s="13">
        <v>102556</v>
      </c>
      <c r="D44" s="19">
        <v>53458</v>
      </c>
      <c r="E44" s="19">
        <v>49098</v>
      </c>
      <c r="F44" s="19"/>
      <c r="G44" s="18" t="s">
        <v>86</v>
      </c>
      <c r="H44" s="17"/>
      <c r="I44" s="13">
        <v>68630</v>
      </c>
      <c r="J44" s="19">
        <v>29512</v>
      </c>
      <c r="K44" s="19">
        <v>39118</v>
      </c>
    </row>
    <row r="45" spans="1:11" ht="15" customHeight="1">
      <c r="A45" s="17" t="s">
        <v>87</v>
      </c>
      <c r="B45" s="17"/>
      <c r="C45" s="13">
        <v>106623</v>
      </c>
      <c r="D45" s="19">
        <v>54730</v>
      </c>
      <c r="E45" s="19">
        <v>51893</v>
      </c>
      <c r="F45" s="19"/>
      <c r="G45" s="18" t="s">
        <v>88</v>
      </c>
      <c r="H45" s="17"/>
      <c r="I45" s="13">
        <v>66735</v>
      </c>
      <c r="J45" s="19">
        <v>28205</v>
      </c>
      <c r="K45" s="19">
        <v>38530</v>
      </c>
    </row>
    <row r="46" spans="1:11" ht="15" customHeight="1">
      <c r="A46" s="17" t="s">
        <v>89</v>
      </c>
      <c r="B46" s="17"/>
      <c r="C46" s="13">
        <v>111073</v>
      </c>
      <c r="D46" s="19">
        <v>57477</v>
      </c>
      <c r="E46" s="19">
        <v>53596</v>
      </c>
      <c r="F46" s="19"/>
      <c r="G46" s="18" t="s">
        <v>90</v>
      </c>
      <c r="H46" s="17"/>
      <c r="I46" s="13">
        <v>55517</v>
      </c>
      <c r="J46" s="19">
        <v>22441</v>
      </c>
      <c r="K46" s="19">
        <v>33076</v>
      </c>
    </row>
    <row r="47" spans="1:11" ht="20.100000000000001" customHeight="1">
      <c r="A47" s="17" t="s">
        <v>91</v>
      </c>
      <c r="B47" s="17"/>
      <c r="C47" s="13">
        <v>582058</v>
      </c>
      <c r="D47" s="14">
        <v>299076</v>
      </c>
      <c r="E47" s="14">
        <v>282982</v>
      </c>
      <c r="F47" s="14"/>
      <c r="G47" s="18" t="s">
        <v>92</v>
      </c>
      <c r="H47" s="17"/>
      <c r="I47" s="13">
        <v>205132</v>
      </c>
      <c r="J47" s="14">
        <v>75625</v>
      </c>
      <c r="K47" s="14">
        <v>129507</v>
      </c>
    </row>
    <row r="48" spans="1:11" ht="15" customHeight="1">
      <c r="A48" s="17" t="s">
        <v>93</v>
      </c>
      <c r="B48" s="17"/>
      <c r="C48" s="13">
        <v>113249</v>
      </c>
      <c r="D48" s="19">
        <v>58173</v>
      </c>
      <c r="E48" s="19">
        <v>55076</v>
      </c>
      <c r="F48" s="19"/>
      <c r="G48" s="18" t="s">
        <v>94</v>
      </c>
      <c r="H48" s="17"/>
      <c r="I48" s="13">
        <v>51958</v>
      </c>
      <c r="J48" s="19">
        <v>20588</v>
      </c>
      <c r="K48" s="19">
        <v>31370</v>
      </c>
    </row>
    <row r="49" spans="1:11" ht="15" customHeight="1">
      <c r="A49" s="17" t="s">
        <v>95</v>
      </c>
      <c r="B49" s="17"/>
      <c r="C49" s="13">
        <v>112716</v>
      </c>
      <c r="D49" s="19">
        <v>58136</v>
      </c>
      <c r="E49" s="19">
        <v>54580</v>
      </c>
      <c r="F49" s="19"/>
      <c r="G49" s="18" t="s">
        <v>96</v>
      </c>
      <c r="H49" s="17"/>
      <c r="I49" s="13">
        <v>47072</v>
      </c>
      <c r="J49" s="19">
        <v>17849</v>
      </c>
      <c r="K49" s="19">
        <v>29223</v>
      </c>
    </row>
    <row r="50" spans="1:11" ht="15" customHeight="1">
      <c r="A50" s="17" t="s">
        <v>97</v>
      </c>
      <c r="B50" s="17"/>
      <c r="C50" s="13">
        <v>114361</v>
      </c>
      <c r="D50" s="19">
        <v>58592</v>
      </c>
      <c r="E50" s="19">
        <v>55769</v>
      </c>
      <c r="F50" s="19"/>
      <c r="G50" s="18" t="s">
        <v>98</v>
      </c>
      <c r="H50" s="17"/>
      <c r="I50" s="13">
        <v>41070</v>
      </c>
      <c r="J50" s="19">
        <v>14900</v>
      </c>
      <c r="K50" s="19">
        <v>26170</v>
      </c>
    </row>
    <row r="51" spans="1:11" ht="15" customHeight="1">
      <c r="A51" s="17" t="s">
        <v>99</v>
      </c>
      <c r="B51" s="17"/>
      <c r="C51" s="13">
        <v>118018</v>
      </c>
      <c r="D51" s="19">
        <v>60390</v>
      </c>
      <c r="E51" s="19">
        <v>57628</v>
      </c>
      <c r="F51" s="19"/>
      <c r="G51" s="18" t="s">
        <v>100</v>
      </c>
      <c r="H51" s="17"/>
      <c r="I51" s="13">
        <v>34939</v>
      </c>
      <c r="J51" s="19">
        <v>12251</v>
      </c>
      <c r="K51" s="19">
        <v>22688</v>
      </c>
    </row>
    <row r="52" spans="1:11" ht="15" customHeight="1">
      <c r="A52" s="17" t="s">
        <v>101</v>
      </c>
      <c r="B52" s="17"/>
      <c r="C52" s="13">
        <v>123714</v>
      </c>
      <c r="D52" s="19">
        <v>63785</v>
      </c>
      <c r="E52" s="19">
        <v>59929</v>
      </c>
      <c r="F52" s="19"/>
      <c r="G52" s="18" t="s">
        <v>102</v>
      </c>
      <c r="H52" s="17"/>
      <c r="I52" s="13">
        <v>30093</v>
      </c>
      <c r="J52" s="19">
        <v>10037</v>
      </c>
      <c r="K52" s="19">
        <v>20056</v>
      </c>
    </row>
    <row r="53" spans="1:11" ht="20.100000000000001" customHeight="1">
      <c r="A53" s="17" t="s">
        <v>103</v>
      </c>
      <c r="B53" s="17"/>
      <c r="C53" s="13">
        <v>691694</v>
      </c>
      <c r="D53" s="14">
        <v>355052</v>
      </c>
      <c r="E53" s="14">
        <v>336642</v>
      </c>
      <c r="F53" s="14"/>
      <c r="G53" s="18" t="s">
        <v>104</v>
      </c>
      <c r="H53" s="17"/>
      <c r="I53" s="13">
        <v>92690</v>
      </c>
      <c r="J53" s="14">
        <v>26762</v>
      </c>
      <c r="K53" s="14">
        <v>65928</v>
      </c>
    </row>
    <row r="54" spans="1:11" ht="15" customHeight="1">
      <c r="A54" s="17" t="s">
        <v>105</v>
      </c>
      <c r="B54" s="17"/>
      <c r="C54" s="13">
        <v>128060</v>
      </c>
      <c r="D54" s="19">
        <v>65700</v>
      </c>
      <c r="E54" s="19">
        <v>62360</v>
      </c>
      <c r="F54" s="19"/>
      <c r="G54" s="18" t="s">
        <v>106</v>
      </c>
      <c r="H54" s="17"/>
      <c r="I54" s="13">
        <v>26489</v>
      </c>
      <c r="J54" s="19">
        <v>8254</v>
      </c>
      <c r="K54" s="19">
        <v>18235</v>
      </c>
    </row>
    <row r="55" spans="1:11" ht="15" customHeight="1">
      <c r="A55" s="17" t="s">
        <v>107</v>
      </c>
      <c r="B55" s="17"/>
      <c r="C55" s="13">
        <v>131843</v>
      </c>
      <c r="D55" s="19">
        <v>67664</v>
      </c>
      <c r="E55" s="19">
        <v>64179</v>
      </c>
      <c r="F55" s="19"/>
      <c r="G55" s="18" t="s">
        <v>108</v>
      </c>
      <c r="H55" s="17"/>
      <c r="I55" s="13">
        <v>21796</v>
      </c>
      <c r="J55" s="19">
        <v>6681</v>
      </c>
      <c r="K55" s="19">
        <v>15115</v>
      </c>
    </row>
    <row r="56" spans="1:11" ht="15" customHeight="1">
      <c r="A56" s="17" t="s">
        <v>109</v>
      </c>
      <c r="B56" s="17"/>
      <c r="C56" s="13">
        <v>136842</v>
      </c>
      <c r="D56" s="19">
        <v>70269</v>
      </c>
      <c r="E56" s="19">
        <v>66573</v>
      </c>
      <c r="F56" s="19"/>
      <c r="G56" s="18" t="s">
        <v>110</v>
      </c>
      <c r="H56" s="17"/>
      <c r="I56" s="13">
        <v>18085</v>
      </c>
      <c r="J56" s="19">
        <v>5285</v>
      </c>
      <c r="K56" s="19">
        <v>12800</v>
      </c>
    </row>
    <row r="57" spans="1:11" ht="15" customHeight="1">
      <c r="A57" s="17" t="s">
        <v>111</v>
      </c>
      <c r="B57" s="17"/>
      <c r="C57" s="13">
        <v>141941</v>
      </c>
      <c r="D57" s="19">
        <v>72764</v>
      </c>
      <c r="E57" s="19">
        <v>69177</v>
      </c>
      <c r="F57" s="19"/>
      <c r="G57" s="18" t="s">
        <v>112</v>
      </c>
      <c r="H57" s="17"/>
      <c r="I57" s="13">
        <v>15336</v>
      </c>
      <c r="J57" s="19">
        <v>3986</v>
      </c>
      <c r="K57" s="19">
        <v>11350</v>
      </c>
    </row>
    <row r="58" spans="1:11" ht="15" customHeight="1">
      <c r="A58" s="17" t="s">
        <v>113</v>
      </c>
      <c r="B58" s="17"/>
      <c r="C58" s="13">
        <v>153008</v>
      </c>
      <c r="D58" s="19">
        <v>78655</v>
      </c>
      <c r="E58" s="19">
        <v>74353</v>
      </c>
      <c r="F58" s="19"/>
      <c r="G58" s="18" t="s">
        <v>114</v>
      </c>
      <c r="H58" s="17"/>
      <c r="I58" s="13">
        <v>10984</v>
      </c>
      <c r="J58" s="19">
        <v>2556</v>
      </c>
      <c r="K58" s="19">
        <v>8428</v>
      </c>
    </row>
    <row r="59" spans="1:11" ht="20.100000000000001" customHeight="1">
      <c r="A59" s="17" t="s">
        <v>115</v>
      </c>
      <c r="B59" s="17"/>
      <c r="C59" s="13">
        <v>781971</v>
      </c>
      <c r="D59" s="14">
        <v>400481</v>
      </c>
      <c r="E59" s="14">
        <v>381490</v>
      </c>
      <c r="F59" s="14"/>
      <c r="G59" s="18" t="s">
        <v>116</v>
      </c>
      <c r="H59" s="17"/>
      <c r="I59" s="13">
        <v>24584</v>
      </c>
      <c r="J59" s="14">
        <v>4815</v>
      </c>
      <c r="K59" s="14">
        <v>19769</v>
      </c>
    </row>
    <row r="60" spans="1:11" ht="15" customHeight="1">
      <c r="A60" s="17" t="s">
        <v>117</v>
      </c>
      <c r="B60" s="17"/>
      <c r="C60" s="13">
        <v>159651</v>
      </c>
      <c r="D60" s="19">
        <v>81609</v>
      </c>
      <c r="E60" s="19">
        <v>78042</v>
      </c>
      <c r="F60" s="19"/>
      <c r="G60" s="18" t="s">
        <v>118</v>
      </c>
      <c r="H60" s="17"/>
      <c r="I60" s="13">
        <v>8479</v>
      </c>
      <c r="J60" s="19">
        <v>1899</v>
      </c>
      <c r="K60" s="19">
        <v>6580</v>
      </c>
    </row>
    <row r="61" spans="1:11" ht="15" customHeight="1">
      <c r="A61" s="17" t="s">
        <v>119</v>
      </c>
      <c r="B61" s="17"/>
      <c r="C61" s="13">
        <v>158219</v>
      </c>
      <c r="D61" s="19">
        <v>80790</v>
      </c>
      <c r="E61" s="19">
        <v>77429</v>
      </c>
      <c r="F61" s="19"/>
      <c r="G61" s="18" t="s">
        <v>120</v>
      </c>
      <c r="H61" s="17"/>
      <c r="I61" s="13">
        <v>6073</v>
      </c>
      <c r="J61" s="19">
        <v>1209</v>
      </c>
      <c r="K61" s="19">
        <v>4864</v>
      </c>
    </row>
    <row r="62" spans="1:11" ht="15" customHeight="1">
      <c r="A62" s="17" t="s">
        <v>121</v>
      </c>
      <c r="B62" s="17"/>
      <c r="C62" s="13">
        <v>157240</v>
      </c>
      <c r="D62" s="19">
        <v>80002</v>
      </c>
      <c r="E62" s="19">
        <v>77238</v>
      </c>
      <c r="F62" s="19"/>
      <c r="G62" s="18" t="s">
        <v>122</v>
      </c>
      <c r="H62" s="17"/>
      <c r="I62" s="13">
        <v>4565</v>
      </c>
      <c r="J62" s="19">
        <v>787</v>
      </c>
      <c r="K62" s="19">
        <v>3778</v>
      </c>
    </row>
    <row r="63" spans="1:11" ht="15" customHeight="1">
      <c r="A63" s="17" t="s">
        <v>123</v>
      </c>
      <c r="B63" s="17"/>
      <c r="C63" s="13">
        <v>155603</v>
      </c>
      <c r="D63" s="19">
        <v>79862</v>
      </c>
      <c r="E63" s="19">
        <v>75741</v>
      </c>
      <c r="F63" s="19"/>
      <c r="G63" s="18" t="s">
        <v>124</v>
      </c>
      <c r="H63" s="17"/>
      <c r="I63" s="13">
        <v>3282</v>
      </c>
      <c r="J63" s="19">
        <v>568</v>
      </c>
      <c r="K63" s="19">
        <v>2714</v>
      </c>
    </row>
    <row r="64" spans="1:11" ht="15" customHeight="1">
      <c r="A64" s="17" t="s">
        <v>125</v>
      </c>
      <c r="B64" s="17"/>
      <c r="C64" s="13">
        <v>151258</v>
      </c>
      <c r="D64" s="19">
        <v>78218</v>
      </c>
      <c r="E64" s="19">
        <v>73040</v>
      </c>
      <c r="F64" s="19"/>
      <c r="G64" s="18" t="s">
        <v>126</v>
      </c>
      <c r="H64" s="17"/>
      <c r="I64" s="13">
        <v>2185</v>
      </c>
      <c r="J64" s="19">
        <v>352</v>
      </c>
      <c r="K64" s="19">
        <v>183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4417</v>
      </c>
      <c r="J65" s="19">
        <v>655</v>
      </c>
      <c r="K65" s="19">
        <v>376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2926</v>
      </c>
      <c r="J66" s="29">
        <v>49370</v>
      </c>
      <c r="K66" s="29">
        <v>33556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1" pageOrder="overThenDown" orientation="portrait" blackAndWhite="1" useFirstPageNumber="1" horizontalDpi="300" verticalDpi="300" r:id="rId1"/>
  <headerFooter scaleWithDoc="0"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9034</v>
      </c>
      <c r="D4" s="14">
        <v>97421</v>
      </c>
      <c r="E4" s="14">
        <v>10161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601</v>
      </c>
      <c r="D5" s="14">
        <v>3331</v>
      </c>
      <c r="E5" s="14">
        <v>3270</v>
      </c>
      <c r="F5" s="14"/>
      <c r="G5" s="18" t="s">
        <v>8</v>
      </c>
      <c r="H5" s="17"/>
      <c r="I5" s="13">
        <v>14270</v>
      </c>
      <c r="J5" s="14">
        <v>7124</v>
      </c>
      <c r="K5" s="14">
        <v>7146</v>
      </c>
    </row>
    <row r="6" spans="1:11" ht="15" customHeight="1">
      <c r="A6" s="17" t="s">
        <v>9</v>
      </c>
      <c r="B6" s="17"/>
      <c r="C6" s="13">
        <v>1176</v>
      </c>
      <c r="D6" s="19">
        <v>587</v>
      </c>
      <c r="E6" s="19">
        <v>589</v>
      </c>
      <c r="F6" s="19"/>
      <c r="G6" s="18" t="s">
        <v>10</v>
      </c>
      <c r="H6" s="17"/>
      <c r="I6" s="13">
        <v>3033</v>
      </c>
      <c r="J6" s="19">
        <v>1516</v>
      </c>
      <c r="K6" s="19">
        <v>1517</v>
      </c>
    </row>
    <row r="7" spans="1:11" ht="15" customHeight="1">
      <c r="A7" s="17" t="s">
        <v>11</v>
      </c>
      <c r="B7" s="17"/>
      <c r="C7" s="13">
        <v>1289</v>
      </c>
      <c r="D7" s="19">
        <v>644</v>
      </c>
      <c r="E7" s="19">
        <v>645</v>
      </c>
      <c r="F7" s="19"/>
      <c r="G7" s="18" t="s">
        <v>12</v>
      </c>
      <c r="H7" s="17"/>
      <c r="I7" s="13">
        <v>3179</v>
      </c>
      <c r="J7" s="19">
        <v>1585</v>
      </c>
      <c r="K7" s="19">
        <v>1594</v>
      </c>
    </row>
    <row r="8" spans="1:11" ht="15" customHeight="1">
      <c r="A8" s="17" t="s">
        <v>13</v>
      </c>
      <c r="B8" s="17"/>
      <c r="C8" s="13">
        <v>1333</v>
      </c>
      <c r="D8" s="19">
        <v>671</v>
      </c>
      <c r="E8" s="19">
        <v>662</v>
      </c>
      <c r="F8" s="19"/>
      <c r="G8" s="18" t="s">
        <v>14</v>
      </c>
      <c r="H8" s="17"/>
      <c r="I8" s="13">
        <v>2306</v>
      </c>
      <c r="J8" s="19">
        <v>1150</v>
      </c>
      <c r="K8" s="19">
        <v>1156</v>
      </c>
    </row>
    <row r="9" spans="1:11" ht="15" customHeight="1">
      <c r="A9" s="17" t="s">
        <v>15</v>
      </c>
      <c r="B9" s="17"/>
      <c r="C9" s="13">
        <v>1372</v>
      </c>
      <c r="D9" s="19">
        <v>708</v>
      </c>
      <c r="E9" s="19">
        <v>664</v>
      </c>
      <c r="F9" s="19"/>
      <c r="G9" s="18" t="s">
        <v>16</v>
      </c>
      <c r="H9" s="17"/>
      <c r="I9" s="13">
        <v>2980</v>
      </c>
      <c r="J9" s="19">
        <v>1528</v>
      </c>
      <c r="K9" s="19">
        <v>1452</v>
      </c>
    </row>
    <row r="10" spans="1:11" ht="15" customHeight="1">
      <c r="A10" s="17" t="s">
        <v>17</v>
      </c>
      <c r="B10" s="17"/>
      <c r="C10" s="13">
        <v>1431</v>
      </c>
      <c r="D10" s="19">
        <v>721</v>
      </c>
      <c r="E10" s="19">
        <v>710</v>
      </c>
      <c r="F10" s="19"/>
      <c r="G10" s="18" t="s">
        <v>18</v>
      </c>
      <c r="H10" s="17"/>
      <c r="I10" s="13">
        <v>2772</v>
      </c>
      <c r="J10" s="19">
        <v>1345</v>
      </c>
      <c r="K10" s="19">
        <v>1427</v>
      </c>
    </row>
    <row r="11" spans="1:11" ht="20.100000000000001" customHeight="1">
      <c r="A11" s="17" t="s">
        <v>19</v>
      </c>
      <c r="B11" s="17"/>
      <c r="C11" s="13">
        <v>7475</v>
      </c>
      <c r="D11" s="14">
        <v>3799</v>
      </c>
      <c r="E11" s="14">
        <v>3676</v>
      </c>
      <c r="F11" s="14"/>
      <c r="G11" s="18" t="s">
        <v>20</v>
      </c>
      <c r="H11" s="17"/>
      <c r="I11" s="13">
        <v>12536</v>
      </c>
      <c r="J11" s="14">
        <v>6265</v>
      </c>
      <c r="K11" s="14">
        <v>6271</v>
      </c>
    </row>
    <row r="12" spans="1:11" ht="15" customHeight="1">
      <c r="A12" s="17" t="s">
        <v>21</v>
      </c>
      <c r="B12" s="17"/>
      <c r="C12" s="13">
        <v>1408</v>
      </c>
      <c r="D12" s="19">
        <v>714</v>
      </c>
      <c r="E12" s="19">
        <v>694</v>
      </c>
      <c r="F12" s="19"/>
      <c r="G12" s="18" t="s">
        <v>22</v>
      </c>
      <c r="H12" s="17"/>
      <c r="I12" s="13">
        <v>2588</v>
      </c>
      <c r="J12" s="19">
        <v>1282</v>
      </c>
      <c r="K12" s="19">
        <v>1306</v>
      </c>
    </row>
    <row r="13" spans="1:11" ht="15" customHeight="1">
      <c r="A13" s="17" t="s">
        <v>23</v>
      </c>
      <c r="B13" s="17"/>
      <c r="C13" s="13">
        <v>1426</v>
      </c>
      <c r="D13" s="19">
        <v>721</v>
      </c>
      <c r="E13" s="19">
        <v>705</v>
      </c>
      <c r="F13" s="19"/>
      <c r="G13" s="18" t="s">
        <v>24</v>
      </c>
      <c r="H13" s="17"/>
      <c r="I13" s="13">
        <v>2613</v>
      </c>
      <c r="J13" s="19">
        <v>1292</v>
      </c>
      <c r="K13" s="19">
        <v>1321</v>
      </c>
    </row>
    <row r="14" spans="1:11" ht="15" customHeight="1">
      <c r="A14" s="17" t="s">
        <v>25</v>
      </c>
      <c r="B14" s="17"/>
      <c r="C14" s="13">
        <v>1538</v>
      </c>
      <c r="D14" s="19">
        <v>789</v>
      </c>
      <c r="E14" s="19">
        <v>749</v>
      </c>
      <c r="F14" s="19"/>
      <c r="G14" s="18" t="s">
        <v>26</v>
      </c>
      <c r="H14" s="17"/>
      <c r="I14" s="13">
        <v>2540</v>
      </c>
      <c r="J14" s="19">
        <v>1286</v>
      </c>
      <c r="K14" s="19">
        <v>1254</v>
      </c>
    </row>
    <row r="15" spans="1:11" ht="15" customHeight="1">
      <c r="A15" s="17" t="s">
        <v>27</v>
      </c>
      <c r="B15" s="17"/>
      <c r="C15" s="13">
        <v>1516</v>
      </c>
      <c r="D15" s="19">
        <v>763</v>
      </c>
      <c r="E15" s="19">
        <v>753</v>
      </c>
      <c r="F15" s="19"/>
      <c r="G15" s="18" t="s">
        <v>28</v>
      </c>
      <c r="H15" s="17"/>
      <c r="I15" s="13">
        <v>2396</v>
      </c>
      <c r="J15" s="19">
        <v>1156</v>
      </c>
      <c r="K15" s="19">
        <v>1240</v>
      </c>
    </row>
    <row r="16" spans="1:11" ht="15" customHeight="1">
      <c r="A16" s="17" t="s">
        <v>29</v>
      </c>
      <c r="B16" s="17"/>
      <c r="C16" s="13">
        <v>1587</v>
      </c>
      <c r="D16" s="19">
        <v>812</v>
      </c>
      <c r="E16" s="19">
        <v>775</v>
      </c>
      <c r="F16" s="19"/>
      <c r="G16" s="18" t="s">
        <v>30</v>
      </c>
      <c r="H16" s="17"/>
      <c r="I16" s="13">
        <v>2399</v>
      </c>
      <c r="J16" s="19">
        <v>1249</v>
      </c>
      <c r="K16" s="19">
        <v>1150</v>
      </c>
    </row>
    <row r="17" spans="1:11" ht="20.100000000000001" customHeight="1">
      <c r="A17" s="20" t="s">
        <v>31</v>
      </c>
      <c r="B17" s="20"/>
      <c r="C17" s="13">
        <v>8406</v>
      </c>
      <c r="D17" s="14">
        <v>4311</v>
      </c>
      <c r="E17" s="14">
        <v>4095</v>
      </c>
      <c r="F17" s="14"/>
      <c r="G17" s="18" t="s">
        <v>32</v>
      </c>
      <c r="H17" s="17"/>
      <c r="I17" s="13">
        <v>11872</v>
      </c>
      <c r="J17" s="14">
        <v>5770</v>
      </c>
      <c r="K17" s="14">
        <v>6102</v>
      </c>
    </row>
    <row r="18" spans="1:11" ht="15" customHeight="1">
      <c r="A18" s="17" t="s">
        <v>33</v>
      </c>
      <c r="B18" s="17"/>
      <c r="C18" s="13">
        <v>1680</v>
      </c>
      <c r="D18" s="19">
        <v>866</v>
      </c>
      <c r="E18" s="19">
        <v>814</v>
      </c>
      <c r="F18" s="19"/>
      <c r="G18" s="18" t="s">
        <v>34</v>
      </c>
      <c r="H18" s="17"/>
      <c r="I18" s="13">
        <v>2329</v>
      </c>
      <c r="J18" s="19">
        <v>1124</v>
      </c>
      <c r="K18" s="19">
        <v>1205</v>
      </c>
    </row>
    <row r="19" spans="1:11" ht="15" customHeight="1">
      <c r="A19" s="17" t="s">
        <v>35</v>
      </c>
      <c r="B19" s="17"/>
      <c r="C19" s="13">
        <v>1636</v>
      </c>
      <c r="D19" s="19">
        <v>844</v>
      </c>
      <c r="E19" s="19">
        <v>792</v>
      </c>
      <c r="F19" s="19"/>
      <c r="G19" s="18" t="s">
        <v>36</v>
      </c>
      <c r="H19" s="17"/>
      <c r="I19" s="13">
        <v>2291</v>
      </c>
      <c r="J19" s="19">
        <v>1117</v>
      </c>
      <c r="K19" s="19">
        <v>1174</v>
      </c>
    </row>
    <row r="20" spans="1:11" ht="15" customHeight="1">
      <c r="A20" s="17" t="s">
        <v>37</v>
      </c>
      <c r="B20" s="17"/>
      <c r="C20" s="13">
        <v>1773</v>
      </c>
      <c r="D20" s="19">
        <v>886</v>
      </c>
      <c r="E20" s="19">
        <v>887</v>
      </c>
      <c r="F20" s="19"/>
      <c r="G20" s="18" t="s">
        <v>38</v>
      </c>
      <c r="H20" s="17"/>
      <c r="I20" s="13">
        <v>2307</v>
      </c>
      <c r="J20" s="19">
        <v>1116</v>
      </c>
      <c r="K20" s="19">
        <v>1191</v>
      </c>
    </row>
    <row r="21" spans="1:11" ht="15" customHeight="1">
      <c r="A21" s="17" t="s">
        <v>39</v>
      </c>
      <c r="B21" s="17"/>
      <c r="C21" s="13">
        <v>1601</v>
      </c>
      <c r="D21" s="19">
        <v>805</v>
      </c>
      <c r="E21" s="19">
        <v>796</v>
      </c>
      <c r="F21" s="19"/>
      <c r="G21" s="18" t="s">
        <v>40</v>
      </c>
      <c r="H21" s="17"/>
      <c r="I21" s="13">
        <v>2531</v>
      </c>
      <c r="J21" s="19">
        <v>1198</v>
      </c>
      <c r="K21" s="19">
        <v>1333</v>
      </c>
    </row>
    <row r="22" spans="1:11" ht="15" customHeight="1">
      <c r="A22" s="17" t="s">
        <v>41</v>
      </c>
      <c r="B22" s="17"/>
      <c r="C22" s="13">
        <v>1716</v>
      </c>
      <c r="D22" s="19">
        <v>910</v>
      </c>
      <c r="E22" s="19">
        <v>806</v>
      </c>
      <c r="F22" s="19"/>
      <c r="G22" s="18" t="s">
        <v>42</v>
      </c>
      <c r="H22" s="17"/>
      <c r="I22" s="13">
        <v>2414</v>
      </c>
      <c r="J22" s="19">
        <v>1215</v>
      </c>
      <c r="K22" s="19">
        <v>1199</v>
      </c>
    </row>
    <row r="23" spans="1:11" ht="20.100000000000001" customHeight="1">
      <c r="A23" s="17" t="s">
        <v>43</v>
      </c>
      <c r="B23" s="17"/>
      <c r="C23" s="13">
        <v>9416</v>
      </c>
      <c r="D23" s="14">
        <v>4898</v>
      </c>
      <c r="E23" s="14">
        <v>4518</v>
      </c>
      <c r="F23" s="14"/>
      <c r="G23" s="18" t="s">
        <v>44</v>
      </c>
      <c r="H23" s="17"/>
      <c r="I23" s="13">
        <v>15203</v>
      </c>
      <c r="J23" s="14">
        <v>7308</v>
      </c>
      <c r="K23" s="14">
        <v>7895</v>
      </c>
    </row>
    <row r="24" spans="1:11" ht="15" customHeight="1">
      <c r="A24" s="17" t="s">
        <v>45</v>
      </c>
      <c r="B24" s="17"/>
      <c r="C24" s="13">
        <v>1832</v>
      </c>
      <c r="D24" s="19">
        <v>930</v>
      </c>
      <c r="E24" s="19">
        <v>902</v>
      </c>
      <c r="F24" s="19"/>
      <c r="G24" s="18" t="s">
        <v>46</v>
      </c>
      <c r="H24" s="17"/>
      <c r="I24" s="13">
        <v>2587</v>
      </c>
      <c r="J24" s="19">
        <v>1223</v>
      </c>
      <c r="K24" s="19">
        <v>1364</v>
      </c>
    </row>
    <row r="25" spans="1:11" ht="15" customHeight="1">
      <c r="A25" s="17" t="s">
        <v>47</v>
      </c>
      <c r="B25" s="17"/>
      <c r="C25" s="13">
        <v>1831</v>
      </c>
      <c r="D25" s="19">
        <v>918</v>
      </c>
      <c r="E25" s="19">
        <v>913</v>
      </c>
      <c r="F25" s="19"/>
      <c r="G25" s="18" t="s">
        <v>48</v>
      </c>
      <c r="H25" s="17"/>
      <c r="I25" s="13">
        <v>2773</v>
      </c>
      <c r="J25" s="19">
        <v>1327</v>
      </c>
      <c r="K25" s="19">
        <v>1446</v>
      </c>
    </row>
    <row r="26" spans="1:11" ht="15" customHeight="1">
      <c r="A26" s="17" t="s">
        <v>49</v>
      </c>
      <c r="B26" s="17"/>
      <c r="C26" s="13">
        <v>1748</v>
      </c>
      <c r="D26" s="19">
        <v>899</v>
      </c>
      <c r="E26" s="19">
        <v>849</v>
      </c>
      <c r="F26" s="19"/>
      <c r="G26" s="18" t="s">
        <v>50</v>
      </c>
      <c r="H26" s="17"/>
      <c r="I26" s="13">
        <v>3009</v>
      </c>
      <c r="J26" s="19">
        <v>1462</v>
      </c>
      <c r="K26" s="19">
        <v>1547</v>
      </c>
    </row>
    <row r="27" spans="1:11" ht="15" customHeight="1">
      <c r="A27" s="17" t="s">
        <v>51</v>
      </c>
      <c r="B27" s="17"/>
      <c r="C27" s="13">
        <v>1916</v>
      </c>
      <c r="D27" s="19">
        <v>1021</v>
      </c>
      <c r="E27" s="19">
        <v>895</v>
      </c>
      <c r="F27" s="19"/>
      <c r="G27" s="18" t="s">
        <v>52</v>
      </c>
      <c r="H27" s="17"/>
      <c r="I27" s="13">
        <v>3215</v>
      </c>
      <c r="J27" s="19">
        <v>1533</v>
      </c>
      <c r="K27" s="19">
        <v>1682</v>
      </c>
    </row>
    <row r="28" spans="1:11" ht="15" customHeight="1">
      <c r="A28" s="17" t="s">
        <v>53</v>
      </c>
      <c r="B28" s="17"/>
      <c r="C28" s="13">
        <v>2089</v>
      </c>
      <c r="D28" s="19">
        <v>1130</v>
      </c>
      <c r="E28" s="19">
        <v>959</v>
      </c>
      <c r="F28" s="19"/>
      <c r="G28" s="18" t="s">
        <v>54</v>
      </c>
      <c r="H28" s="17"/>
      <c r="I28" s="13">
        <v>3619</v>
      </c>
      <c r="J28" s="19">
        <v>1763</v>
      </c>
      <c r="K28" s="19">
        <v>1856</v>
      </c>
    </row>
    <row r="29" spans="1:11" ht="20.100000000000001" customHeight="1">
      <c r="A29" s="17" t="s">
        <v>55</v>
      </c>
      <c r="B29" s="17"/>
      <c r="C29" s="13">
        <v>11473</v>
      </c>
      <c r="D29" s="14">
        <v>6005</v>
      </c>
      <c r="E29" s="14">
        <v>5468</v>
      </c>
      <c r="F29" s="14"/>
      <c r="G29" s="18" t="s">
        <v>56</v>
      </c>
      <c r="H29" s="17"/>
      <c r="I29" s="13">
        <v>14098</v>
      </c>
      <c r="J29" s="14">
        <v>6642</v>
      </c>
      <c r="K29" s="14">
        <v>7456</v>
      </c>
    </row>
    <row r="30" spans="1:11" ht="15" customHeight="1">
      <c r="A30" s="17" t="s">
        <v>57</v>
      </c>
      <c r="B30" s="17"/>
      <c r="C30" s="13">
        <v>2153</v>
      </c>
      <c r="D30" s="19">
        <v>1174</v>
      </c>
      <c r="E30" s="19">
        <v>979</v>
      </c>
      <c r="F30" s="19"/>
      <c r="G30" s="18" t="s">
        <v>58</v>
      </c>
      <c r="H30" s="17"/>
      <c r="I30" s="13">
        <v>3498</v>
      </c>
      <c r="J30" s="19">
        <v>1664</v>
      </c>
      <c r="K30" s="19">
        <v>1834</v>
      </c>
    </row>
    <row r="31" spans="1:11" ht="15" customHeight="1">
      <c r="A31" s="17" t="s">
        <v>59</v>
      </c>
      <c r="B31" s="17"/>
      <c r="C31" s="13">
        <v>2243</v>
      </c>
      <c r="D31" s="19">
        <v>1165</v>
      </c>
      <c r="E31" s="19">
        <v>1078</v>
      </c>
      <c r="F31" s="19"/>
      <c r="G31" s="18" t="s">
        <v>60</v>
      </c>
      <c r="H31" s="17"/>
      <c r="I31" s="13">
        <v>3557</v>
      </c>
      <c r="J31" s="19">
        <v>1651</v>
      </c>
      <c r="K31" s="19">
        <v>1906</v>
      </c>
    </row>
    <row r="32" spans="1:11" ht="15" customHeight="1">
      <c r="A32" s="17" t="s">
        <v>61</v>
      </c>
      <c r="B32" s="17"/>
      <c r="C32" s="13">
        <v>2402</v>
      </c>
      <c r="D32" s="19">
        <v>1255</v>
      </c>
      <c r="E32" s="19">
        <v>1147</v>
      </c>
      <c r="F32" s="19"/>
      <c r="G32" s="18" t="s">
        <v>62</v>
      </c>
      <c r="H32" s="17"/>
      <c r="I32" s="13">
        <v>2301</v>
      </c>
      <c r="J32" s="19">
        <v>1089</v>
      </c>
      <c r="K32" s="19">
        <v>1212</v>
      </c>
    </row>
    <row r="33" spans="1:11" ht="15" customHeight="1">
      <c r="A33" s="17" t="s">
        <v>63</v>
      </c>
      <c r="B33" s="17"/>
      <c r="C33" s="13">
        <v>2454</v>
      </c>
      <c r="D33" s="19">
        <v>1261</v>
      </c>
      <c r="E33" s="19">
        <v>1193</v>
      </c>
      <c r="F33" s="19"/>
      <c r="G33" s="18" t="s">
        <v>64</v>
      </c>
      <c r="H33" s="17"/>
      <c r="I33" s="13">
        <v>2170</v>
      </c>
      <c r="J33" s="19">
        <v>1043</v>
      </c>
      <c r="K33" s="19">
        <v>1127</v>
      </c>
    </row>
    <row r="34" spans="1:11" ht="15" customHeight="1">
      <c r="A34" s="17" t="s">
        <v>65</v>
      </c>
      <c r="B34" s="17"/>
      <c r="C34" s="13">
        <v>2221</v>
      </c>
      <c r="D34" s="19">
        <v>1150</v>
      </c>
      <c r="E34" s="19">
        <v>1071</v>
      </c>
      <c r="F34" s="19"/>
      <c r="G34" s="18" t="s">
        <v>66</v>
      </c>
      <c r="H34" s="17"/>
      <c r="I34" s="13">
        <v>2572</v>
      </c>
      <c r="J34" s="19">
        <v>1195</v>
      </c>
      <c r="K34" s="19">
        <v>1377</v>
      </c>
    </row>
    <row r="35" spans="1:11" ht="20.100000000000001" customHeight="1">
      <c r="A35" s="17" t="s">
        <v>67</v>
      </c>
      <c r="B35" s="17"/>
      <c r="C35" s="13">
        <v>8669</v>
      </c>
      <c r="D35" s="14">
        <v>4462</v>
      </c>
      <c r="E35" s="14">
        <v>4207</v>
      </c>
      <c r="F35" s="14"/>
      <c r="G35" s="18" t="s">
        <v>68</v>
      </c>
      <c r="H35" s="17"/>
      <c r="I35" s="13">
        <v>11937</v>
      </c>
      <c r="J35" s="14">
        <v>5488</v>
      </c>
      <c r="K35" s="14">
        <v>6449</v>
      </c>
    </row>
    <row r="36" spans="1:11" ht="15" customHeight="1">
      <c r="A36" s="17" t="s">
        <v>69</v>
      </c>
      <c r="B36" s="17"/>
      <c r="C36" s="13">
        <v>2059</v>
      </c>
      <c r="D36" s="19">
        <v>1077</v>
      </c>
      <c r="E36" s="19">
        <v>982</v>
      </c>
      <c r="F36" s="19"/>
      <c r="G36" s="18" t="s">
        <v>70</v>
      </c>
      <c r="H36" s="17"/>
      <c r="I36" s="13">
        <v>2738</v>
      </c>
      <c r="J36" s="19">
        <v>1300</v>
      </c>
      <c r="K36" s="19">
        <v>1438</v>
      </c>
    </row>
    <row r="37" spans="1:11" ht="15" customHeight="1">
      <c r="A37" s="17" t="s">
        <v>71</v>
      </c>
      <c r="B37" s="17"/>
      <c r="C37" s="13">
        <v>1713</v>
      </c>
      <c r="D37" s="19">
        <v>889</v>
      </c>
      <c r="E37" s="19">
        <v>824</v>
      </c>
      <c r="F37" s="19"/>
      <c r="G37" s="18" t="s">
        <v>72</v>
      </c>
      <c r="H37" s="17"/>
      <c r="I37" s="13">
        <v>2545</v>
      </c>
      <c r="J37" s="19">
        <v>1215</v>
      </c>
      <c r="K37" s="19">
        <v>1330</v>
      </c>
    </row>
    <row r="38" spans="1:11" ht="15" customHeight="1">
      <c r="A38" s="17" t="s">
        <v>73</v>
      </c>
      <c r="B38" s="17"/>
      <c r="C38" s="13">
        <v>1660</v>
      </c>
      <c r="D38" s="19">
        <v>842</v>
      </c>
      <c r="E38" s="19">
        <v>818</v>
      </c>
      <c r="F38" s="19"/>
      <c r="G38" s="18" t="s">
        <v>74</v>
      </c>
      <c r="H38" s="17"/>
      <c r="I38" s="13">
        <v>2514</v>
      </c>
      <c r="J38" s="19">
        <v>1109</v>
      </c>
      <c r="K38" s="19">
        <v>1405</v>
      </c>
    </row>
    <row r="39" spans="1:11" ht="15" customHeight="1">
      <c r="A39" s="17" t="s">
        <v>75</v>
      </c>
      <c r="B39" s="17"/>
      <c r="C39" s="13">
        <v>1614</v>
      </c>
      <c r="D39" s="19">
        <v>855</v>
      </c>
      <c r="E39" s="19">
        <v>759</v>
      </c>
      <c r="F39" s="19"/>
      <c r="G39" s="18" t="s">
        <v>76</v>
      </c>
      <c r="H39" s="17"/>
      <c r="I39" s="13">
        <v>2193</v>
      </c>
      <c r="J39" s="19">
        <v>966</v>
      </c>
      <c r="K39" s="19">
        <v>1227</v>
      </c>
    </row>
    <row r="40" spans="1:11" ht="15" customHeight="1">
      <c r="A40" s="17" t="s">
        <v>77</v>
      </c>
      <c r="B40" s="17"/>
      <c r="C40" s="13">
        <v>1623</v>
      </c>
      <c r="D40" s="19">
        <v>799</v>
      </c>
      <c r="E40" s="19">
        <v>824</v>
      </c>
      <c r="F40" s="19"/>
      <c r="G40" s="18" t="s">
        <v>78</v>
      </c>
      <c r="H40" s="17"/>
      <c r="I40" s="13">
        <v>1947</v>
      </c>
      <c r="J40" s="19">
        <v>898</v>
      </c>
      <c r="K40" s="19">
        <v>1049</v>
      </c>
    </row>
    <row r="41" spans="1:11" ht="20.100000000000001" customHeight="1">
      <c r="A41" s="17" t="s">
        <v>79</v>
      </c>
      <c r="B41" s="17"/>
      <c r="C41" s="13">
        <v>9238</v>
      </c>
      <c r="D41" s="14">
        <v>4763</v>
      </c>
      <c r="E41" s="14">
        <v>4475</v>
      </c>
      <c r="F41" s="14"/>
      <c r="G41" s="18" t="s">
        <v>80</v>
      </c>
      <c r="H41" s="17"/>
      <c r="I41" s="13">
        <v>8414</v>
      </c>
      <c r="J41" s="14">
        <v>3721</v>
      </c>
      <c r="K41" s="14">
        <v>4693</v>
      </c>
    </row>
    <row r="42" spans="1:11" ht="15" customHeight="1">
      <c r="A42" s="17" t="s">
        <v>81</v>
      </c>
      <c r="B42" s="17"/>
      <c r="C42" s="13">
        <v>1768</v>
      </c>
      <c r="D42" s="19">
        <v>919</v>
      </c>
      <c r="E42" s="19">
        <v>849</v>
      </c>
      <c r="F42" s="19"/>
      <c r="G42" s="18" t="s">
        <v>82</v>
      </c>
      <c r="H42" s="17"/>
      <c r="I42" s="13">
        <v>1752</v>
      </c>
      <c r="J42" s="19">
        <v>807</v>
      </c>
      <c r="K42" s="19">
        <v>945</v>
      </c>
    </row>
    <row r="43" spans="1:11" ht="15" customHeight="1">
      <c r="A43" s="17" t="s">
        <v>83</v>
      </c>
      <c r="B43" s="17"/>
      <c r="C43" s="13">
        <v>1770</v>
      </c>
      <c r="D43" s="19">
        <v>912</v>
      </c>
      <c r="E43" s="19">
        <v>858</v>
      </c>
      <c r="F43" s="19"/>
      <c r="G43" s="18" t="s">
        <v>84</v>
      </c>
      <c r="H43" s="17"/>
      <c r="I43" s="13">
        <v>1870</v>
      </c>
      <c r="J43" s="19">
        <v>818</v>
      </c>
      <c r="K43" s="19">
        <v>1052</v>
      </c>
    </row>
    <row r="44" spans="1:11" ht="15" customHeight="1">
      <c r="A44" s="17" t="s">
        <v>85</v>
      </c>
      <c r="B44" s="17"/>
      <c r="C44" s="13">
        <v>1804</v>
      </c>
      <c r="D44" s="19">
        <v>928</v>
      </c>
      <c r="E44" s="19">
        <v>876</v>
      </c>
      <c r="F44" s="19"/>
      <c r="G44" s="18" t="s">
        <v>86</v>
      </c>
      <c r="H44" s="17"/>
      <c r="I44" s="13">
        <v>1743</v>
      </c>
      <c r="J44" s="19">
        <v>796</v>
      </c>
      <c r="K44" s="19">
        <v>947</v>
      </c>
    </row>
    <row r="45" spans="1:11" ht="15" customHeight="1">
      <c r="A45" s="17" t="s">
        <v>87</v>
      </c>
      <c r="B45" s="17"/>
      <c r="C45" s="13">
        <v>1877</v>
      </c>
      <c r="D45" s="19">
        <v>1003</v>
      </c>
      <c r="E45" s="19">
        <v>874</v>
      </c>
      <c r="F45" s="19"/>
      <c r="G45" s="18" t="s">
        <v>88</v>
      </c>
      <c r="H45" s="17"/>
      <c r="I45" s="13">
        <v>1669</v>
      </c>
      <c r="J45" s="19">
        <v>730</v>
      </c>
      <c r="K45" s="19">
        <v>939</v>
      </c>
    </row>
    <row r="46" spans="1:11" ht="15" customHeight="1">
      <c r="A46" s="17" t="s">
        <v>89</v>
      </c>
      <c r="B46" s="17"/>
      <c r="C46" s="13">
        <v>2019</v>
      </c>
      <c r="D46" s="19">
        <v>1001</v>
      </c>
      <c r="E46" s="19">
        <v>1018</v>
      </c>
      <c r="F46" s="19"/>
      <c r="G46" s="18" t="s">
        <v>90</v>
      </c>
      <c r="H46" s="17"/>
      <c r="I46" s="13">
        <v>1380</v>
      </c>
      <c r="J46" s="19">
        <v>570</v>
      </c>
      <c r="K46" s="19">
        <v>810</v>
      </c>
    </row>
    <row r="47" spans="1:11" ht="20.100000000000001" customHeight="1">
      <c r="A47" s="17" t="s">
        <v>91</v>
      </c>
      <c r="B47" s="17"/>
      <c r="C47" s="13">
        <v>11009</v>
      </c>
      <c r="D47" s="14">
        <v>5568</v>
      </c>
      <c r="E47" s="14">
        <v>5441</v>
      </c>
      <c r="F47" s="14"/>
      <c r="G47" s="18" t="s">
        <v>92</v>
      </c>
      <c r="H47" s="17"/>
      <c r="I47" s="13">
        <v>5025</v>
      </c>
      <c r="J47" s="14">
        <v>1902</v>
      </c>
      <c r="K47" s="14">
        <v>3123</v>
      </c>
    </row>
    <row r="48" spans="1:11" ht="15" customHeight="1">
      <c r="A48" s="17" t="s">
        <v>93</v>
      </c>
      <c r="B48" s="17"/>
      <c r="C48" s="13">
        <v>2152</v>
      </c>
      <c r="D48" s="19">
        <v>1068</v>
      </c>
      <c r="E48" s="19">
        <v>1084</v>
      </c>
      <c r="F48" s="19"/>
      <c r="G48" s="18" t="s">
        <v>94</v>
      </c>
      <c r="H48" s="17"/>
      <c r="I48" s="13">
        <v>1333</v>
      </c>
      <c r="J48" s="19">
        <v>545</v>
      </c>
      <c r="K48" s="19">
        <v>788</v>
      </c>
    </row>
    <row r="49" spans="1:11" ht="15" customHeight="1">
      <c r="A49" s="17" t="s">
        <v>95</v>
      </c>
      <c r="B49" s="17"/>
      <c r="C49" s="13">
        <v>2079</v>
      </c>
      <c r="D49" s="19">
        <v>1065</v>
      </c>
      <c r="E49" s="19">
        <v>1014</v>
      </c>
      <c r="F49" s="19"/>
      <c r="G49" s="18" t="s">
        <v>96</v>
      </c>
      <c r="H49" s="17"/>
      <c r="I49" s="13">
        <v>1107</v>
      </c>
      <c r="J49" s="19">
        <v>409</v>
      </c>
      <c r="K49" s="19">
        <v>698</v>
      </c>
    </row>
    <row r="50" spans="1:11" ht="15" customHeight="1">
      <c r="A50" s="17" t="s">
        <v>97</v>
      </c>
      <c r="B50" s="17"/>
      <c r="C50" s="13">
        <v>2198</v>
      </c>
      <c r="D50" s="19">
        <v>1135</v>
      </c>
      <c r="E50" s="19">
        <v>1063</v>
      </c>
      <c r="F50" s="19"/>
      <c r="G50" s="18" t="s">
        <v>98</v>
      </c>
      <c r="H50" s="17"/>
      <c r="I50" s="13">
        <v>1010</v>
      </c>
      <c r="J50" s="19">
        <v>387</v>
      </c>
      <c r="K50" s="19">
        <v>623</v>
      </c>
    </row>
    <row r="51" spans="1:11" ht="15" customHeight="1">
      <c r="A51" s="17" t="s">
        <v>99</v>
      </c>
      <c r="B51" s="17"/>
      <c r="C51" s="13">
        <v>2283</v>
      </c>
      <c r="D51" s="19">
        <v>1121</v>
      </c>
      <c r="E51" s="19">
        <v>1162</v>
      </c>
      <c r="F51" s="19"/>
      <c r="G51" s="18" t="s">
        <v>100</v>
      </c>
      <c r="H51" s="17"/>
      <c r="I51" s="13">
        <v>836</v>
      </c>
      <c r="J51" s="19">
        <v>300</v>
      </c>
      <c r="K51" s="19">
        <v>536</v>
      </c>
    </row>
    <row r="52" spans="1:11" ht="15" customHeight="1">
      <c r="A52" s="17" t="s">
        <v>101</v>
      </c>
      <c r="B52" s="17"/>
      <c r="C52" s="13">
        <v>2297</v>
      </c>
      <c r="D52" s="19">
        <v>1179</v>
      </c>
      <c r="E52" s="19">
        <v>1118</v>
      </c>
      <c r="F52" s="19"/>
      <c r="G52" s="18" t="s">
        <v>102</v>
      </c>
      <c r="H52" s="17"/>
      <c r="I52" s="13">
        <v>739</v>
      </c>
      <c r="J52" s="19">
        <v>261</v>
      </c>
      <c r="K52" s="19">
        <v>478</v>
      </c>
    </row>
    <row r="53" spans="1:11" ht="20.100000000000001" customHeight="1">
      <c r="A53" s="17" t="s">
        <v>103</v>
      </c>
      <c r="B53" s="17"/>
      <c r="C53" s="13">
        <v>13662</v>
      </c>
      <c r="D53" s="14">
        <v>6780</v>
      </c>
      <c r="E53" s="14">
        <v>6882</v>
      </c>
      <c r="F53" s="14"/>
      <c r="G53" s="18" t="s">
        <v>104</v>
      </c>
      <c r="H53" s="17"/>
      <c r="I53" s="13">
        <v>2125</v>
      </c>
      <c r="J53" s="14">
        <v>648</v>
      </c>
      <c r="K53" s="14">
        <v>1477</v>
      </c>
    </row>
    <row r="54" spans="1:11" ht="15" customHeight="1">
      <c r="A54" s="17" t="s">
        <v>105</v>
      </c>
      <c r="B54" s="17"/>
      <c r="C54" s="13">
        <v>2393</v>
      </c>
      <c r="D54" s="19">
        <v>1186</v>
      </c>
      <c r="E54" s="19">
        <v>1207</v>
      </c>
      <c r="F54" s="19"/>
      <c r="G54" s="18" t="s">
        <v>106</v>
      </c>
      <c r="H54" s="17"/>
      <c r="I54" s="13">
        <v>643</v>
      </c>
      <c r="J54" s="19">
        <v>219</v>
      </c>
      <c r="K54" s="19">
        <v>424</v>
      </c>
    </row>
    <row r="55" spans="1:11" ht="15" customHeight="1">
      <c r="A55" s="17" t="s">
        <v>107</v>
      </c>
      <c r="B55" s="17"/>
      <c r="C55" s="13">
        <v>2647</v>
      </c>
      <c r="D55" s="19">
        <v>1310</v>
      </c>
      <c r="E55" s="19">
        <v>1337</v>
      </c>
      <c r="F55" s="19"/>
      <c r="G55" s="18" t="s">
        <v>108</v>
      </c>
      <c r="H55" s="17"/>
      <c r="I55" s="13">
        <v>486</v>
      </c>
      <c r="J55" s="19">
        <v>172</v>
      </c>
      <c r="K55" s="19">
        <v>314</v>
      </c>
    </row>
    <row r="56" spans="1:11" ht="15" customHeight="1">
      <c r="A56" s="17" t="s">
        <v>109</v>
      </c>
      <c r="B56" s="17"/>
      <c r="C56" s="13">
        <v>2685</v>
      </c>
      <c r="D56" s="19">
        <v>1341</v>
      </c>
      <c r="E56" s="19">
        <v>1344</v>
      </c>
      <c r="F56" s="19"/>
      <c r="G56" s="18" t="s">
        <v>110</v>
      </c>
      <c r="H56" s="17"/>
      <c r="I56" s="13">
        <v>427</v>
      </c>
      <c r="J56" s="19">
        <v>118</v>
      </c>
      <c r="K56" s="19">
        <v>309</v>
      </c>
    </row>
    <row r="57" spans="1:11" ht="15" customHeight="1">
      <c r="A57" s="17" t="s">
        <v>111</v>
      </c>
      <c r="B57" s="17"/>
      <c r="C57" s="13">
        <v>2847</v>
      </c>
      <c r="D57" s="19">
        <v>1393</v>
      </c>
      <c r="E57" s="19">
        <v>1454</v>
      </c>
      <c r="F57" s="19"/>
      <c r="G57" s="18" t="s">
        <v>112</v>
      </c>
      <c r="H57" s="17"/>
      <c r="I57" s="13">
        <v>364</v>
      </c>
      <c r="J57" s="19">
        <v>97</v>
      </c>
      <c r="K57" s="19">
        <v>267</v>
      </c>
    </row>
    <row r="58" spans="1:11" ht="15" customHeight="1">
      <c r="A58" s="17" t="s">
        <v>113</v>
      </c>
      <c r="B58" s="17"/>
      <c r="C58" s="13">
        <v>3090</v>
      </c>
      <c r="D58" s="19">
        <v>1550</v>
      </c>
      <c r="E58" s="19">
        <v>1540</v>
      </c>
      <c r="F58" s="19"/>
      <c r="G58" s="18" t="s">
        <v>114</v>
      </c>
      <c r="H58" s="17"/>
      <c r="I58" s="13">
        <v>205</v>
      </c>
      <c r="J58" s="19">
        <v>42</v>
      </c>
      <c r="K58" s="19">
        <v>163</v>
      </c>
    </row>
    <row r="59" spans="1:11" ht="20.100000000000001" customHeight="1">
      <c r="A59" s="17" t="s">
        <v>115</v>
      </c>
      <c r="B59" s="17"/>
      <c r="C59" s="13">
        <v>16036</v>
      </c>
      <c r="D59" s="14">
        <v>8043</v>
      </c>
      <c r="E59" s="14">
        <v>7993</v>
      </c>
      <c r="F59" s="14"/>
      <c r="G59" s="18" t="s">
        <v>116</v>
      </c>
      <c r="H59" s="17"/>
      <c r="I59" s="13">
        <v>532</v>
      </c>
      <c r="J59" s="14">
        <v>106</v>
      </c>
      <c r="K59" s="14">
        <v>426</v>
      </c>
    </row>
    <row r="60" spans="1:11" ht="15" customHeight="1">
      <c r="A60" s="17" t="s">
        <v>117</v>
      </c>
      <c r="B60" s="17"/>
      <c r="C60" s="13">
        <v>3241</v>
      </c>
      <c r="D60" s="19">
        <v>1633</v>
      </c>
      <c r="E60" s="19">
        <v>1608</v>
      </c>
      <c r="F60" s="19"/>
      <c r="G60" s="18" t="s">
        <v>118</v>
      </c>
      <c r="H60" s="17"/>
      <c r="I60" s="13">
        <v>185</v>
      </c>
      <c r="J60" s="19">
        <v>43</v>
      </c>
      <c r="K60" s="19">
        <v>142</v>
      </c>
    </row>
    <row r="61" spans="1:11" ht="15" customHeight="1">
      <c r="A61" s="17" t="s">
        <v>119</v>
      </c>
      <c r="B61" s="17"/>
      <c r="C61" s="13">
        <v>3242</v>
      </c>
      <c r="D61" s="19">
        <v>1654</v>
      </c>
      <c r="E61" s="19">
        <v>1588</v>
      </c>
      <c r="F61" s="19"/>
      <c r="G61" s="18" t="s">
        <v>120</v>
      </c>
      <c r="H61" s="17"/>
      <c r="I61" s="13">
        <v>133</v>
      </c>
      <c r="J61" s="19">
        <v>28</v>
      </c>
      <c r="K61" s="19">
        <v>105</v>
      </c>
    </row>
    <row r="62" spans="1:11" ht="15" customHeight="1">
      <c r="A62" s="17" t="s">
        <v>121</v>
      </c>
      <c r="B62" s="17"/>
      <c r="C62" s="13">
        <v>3283</v>
      </c>
      <c r="D62" s="19">
        <v>1611</v>
      </c>
      <c r="E62" s="19">
        <v>1672</v>
      </c>
      <c r="F62" s="19"/>
      <c r="G62" s="18" t="s">
        <v>122</v>
      </c>
      <c r="H62" s="17"/>
      <c r="I62" s="13">
        <v>100</v>
      </c>
      <c r="J62" s="19">
        <v>17</v>
      </c>
      <c r="K62" s="19">
        <v>83</v>
      </c>
    </row>
    <row r="63" spans="1:11" ht="15" customHeight="1">
      <c r="A63" s="17" t="s">
        <v>123</v>
      </c>
      <c r="B63" s="17"/>
      <c r="C63" s="13">
        <v>3161</v>
      </c>
      <c r="D63" s="19">
        <v>1561</v>
      </c>
      <c r="E63" s="19">
        <v>1600</v>
      </c>
      <c r="F63" s="19"/>
      <c r="G63" s="18" t="s">
        <v>124</v>
      </c>
      <c r="H63" s="17"/>
      <c r="I63" s="13">
        <v>74</v>
      </c>
      <c r="J63" s="19">
        <v>12</v>
      </c>
      <c r="K63" s="19">
        <v>62</v>
      </c>
    </row>
    <row r="64" spans="1:11" ht="15" customHeight="1">
      <c r="A64" s="17" t="s">
        <v>125</v>
      </c>
      <c r="B64" s="17"/>
      <c r="C64" s="13">
        <v>3109</v>
      </c>
      <c r="D64" s="19">
        <v>1584</v>
      </c>
      <c r="E64" s="19">
        <v>1525</v>
      </c>
      <c r="F64" s="19"/>
      <c r="G64" s="18" t="s">
        <v>126</v>
      </c>
      <c r="H64" s="17"/>
      <c r="I64" s="13">
        <v>40</v>
      </c>
      <c r="J64" s="19">
        <v>6</v>
      </c>
      <c r="K64" s="19">
        <v>3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3</v>
      </c>
      <c r="J65" s="19">
        <v>10</v>
      </c>
      <c r="K65" s="19">
        <v>4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984</v>
      </c>
      <c r="J66" s="29">
        <v>477</v>
      </c>
      <c r="K66" s="29">
        <v>507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0" pageOrder="overThenDown" orientation="portrait" blackAndWhite="1" useFirstPageNumber="1" horizontalDpi="300" verticalDpi="300"/>
  <headerFooter scaleWithDoc="0"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51448</v>
      </c>
      <c r="D4" s="14">
        <v>177657</v>
      </c>
      <c r="E4" s="14">
        <v>17379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5950</v>
      </c>
      <c r="D5" s="14">
        <v>8318</v>
      </c>
      <c r="E5" s="14">
        <v>7632</v>
      </c>
      <c r="F5" s="14"/>
      <c r="G5" s="18" t="s">
        <v>8</v>
      </c>
      <c r="H5" s="17"/>
      <c r="I5" s="13">
        <v>27002</v>
      </c>
      <c r="J5" s="14">
        <v>14221</v>
      </c>
      <c r="K5" s="14">
        <v>12781</v>
      </c>
    </row>
    <row r="6" spans="1:11" ht="15" customHeight="1">
      <c r="A6" s="17" t="s">
        <v>9</v>
      </c>
      <c r="B6" s="17"/>
      <c r="C6" s="13">
        <v>3459</v>
      </c>
      <c r="D6" s="19">
        <v>1834</v>
      </c>
      <c r="E6" s="19">
        <v>1625</v>
      </c>
      <c r="F6" s="19"/>
      <c r="G6" s="18" t="s">
        <v>10</v>
      </c>
      <c r="H6" s="17"/>
      <c r="I6" s="13">
        <v>5999</v>
      </c>
      <c r="J6" s="19">
        <v>3117</v>
      </c>
      <c r="K6" s="19">
        <v>2882</v>
      </c>
    </row>
    <row r="7" spans="1:11" ht="15" customHeight="1">
      <c r="A7" s="17" t="s">
        <v>11</v>
      </c>
      <c r="B7" s="17"/>
      <c r="C7" s="13">
        <v>3207</v>
      </c>
      <c r="D7" s="19">
        <v>1708</v>
      </c>
      <c r="E7" s="19">
        <v>1499</v>
      </c>
      <c r="F7" s="19"/>
      <c r="G7" s="18" t="s">
        <v>12</v>
      </c>
      <c r="H7" s="17"/>
      <c r="I7" s="13">
        <v>6154</v>
      </c>
      <c r="J7" s="19">
        <v>3245</v>
      </c>
      <c r="K7" s="19">
        <v>2909</v>
      </c>
    </row>
    <row r="8" spans="1:11" ht="15" customHeight="1">
      <c r="A8" s="17" t="s">
        <v>13</v>
      </c>
      <c r="B8" s="17"/>
      <c r="C8" s="13">
        <v>3206</v>
      </c>
      <c r="D8" s="19">
        <v>1659</v>
      </c>
      <c r="E8" s="19">
        <v>1547</v>
      </c>
      <c r="F8" s="19"/>
      <c r="G8" s="18" t="s">
        <v>14</v>
      </c>
      <c r="H8" s="17"/>
      <c r="I8" s="13">
        <v>4314</v>
      </c>
      <c r="J8" s="19">
        <v>2273</v>
      </c>
      <c r="K8" s="19">
        <v>2041</v>
      </c>
    </row>
    <row r="9" spans="1:11" ht="15" customHeight="1">
      <c r="A9" s="17" t="s">
        <v>15</v>
      </c>
      <c r="B9" s="17"/>
      <c r="C9" s="13">
        <v>3034</v>
      </c>
      <c r="D9" s="19">
        <v>1577</v>
      </c>
      <c r="E9" s="19">
        <v>1457</v>
      </c>
      <c r="F9" s="19"/>
      <c r="G9" s="18" t="s">
        <v>16</v>
      </c>
      <c r="H9" s="17"/>
      <c r="I9" s="13">
        <v>5587</v>
      </c>
      <c r="J9" s="19">
        <v>2993</v>
      </c>
      <c r="K9" s="19">
        <v>2594</v>
      </c>
    </row>
    <row r="10" spans="1:11" ht="15" customHeight="1">
      <c r="A10" s="17" t="s">
        <v>17</v>
      </c>
      <c r="B10" s="17"/>
      <c r="C10" s="13">
        <v>3044</v>
      </c>
      <c r="D10" s="19">
        <v>1540</v>
      </c>
      <c r="E10" s="19">
        <v>1504</v>
      </c>
      <c r="F10" s="19"/>
      <c r="G10" s="18" t="s">
        <v>18</v>
      </c>
      <c r="H10" s="17"/>
      <c r="I10" s="13">
        <v>4948</v>
      </c>
      <c r="J10" s="19">
        <v>2593</v>
      </c>
      <c r="K10" s="19">
        <v>2355</v>
      </c>
    </row>
    <row r="11" spans="1:11" ht="20.100000000000001" customHeight="1">
      <c r="A11" s="17" t="s">
        <v>19</v>
      </c>
      <c r="B11" s="17"/>
      <c r="C11" s="13">
        <v>14109</v>
      </c>
      <c r="D11" s="14">
        <v>7188</v>
      </c>
      <c r="E11" s="14">
        <v>6921</v>
      </c>
      <c r="F11" s="14"/>
      <c r="G11" s="18" t="s">
        <v>20</v>
      </c>
      <c r="H11" s="17"/>
      <c r="I11" s="13">
        <v>20848</v>
      </c>
      <c r="J11" s="14">
        <v>10916</v>
      </c>
      <c r="K11" s="14">
        <v>9932</v>
      </c>
    </row>
    <row r="12" spans="1:11" ht="15" customHeight="1">
      <c r="A12" s="17" t="s">
        <v>21</v>
      </c>
      <c r="B12" s="17"/>
      <c r="C12" s="13">
        <v>2930</v>
      </c>
      <c r="D12" s="19">
        <v>1502</v>
      </c>
      <c r="E12" s="19">
        <v>1428</v>
      </c>
      <c r="F12" s="19"/>
      <c r="G12" s="18" t="s">
        <v>22</v>
      </c>
      <c r="H12" s="17"/>
      <c r="I12" s="13">
        <v>4642</v>
      </c>
      <c r="J12" s="19">
        <v>2465</v>
      </c>
      <c r="K12" s="19">
        <v>2177</v>
      </c>
    </row>
    <row r="13" spans="1:11" ht="15" customHeight="1">
      <c r="A13" s="17" t="s">
        <v>23</v>
      </c>
      <c r="B13" s="17"/>
      <c r="C13" s="13">
        <v>2846</v>
      </c>
      <c r="D13" s="19">
        <v>1437</v>
      </c>
      <c r="E13" s="19">
        <v>1409</v>
      </c>
      <c r="F13" s="19"/>
      <c r="G13" s="18" t="s">
        <v>24</v>
      </c>
      <c r="H13" s="17"/>
      <c r="I13" s="13">
        <v>4268</v>
      </c>
      <c r="J13" s="19">
        <v>2219</v>
      </c>
      <c r="K13" s="19">
        <v>2049</v>
      </c>
    </row>
    <row r="14" spans="1:11" ht="15" customHeight="1">
      <c r="A14" s="17" t="s">
        <v>25</v>
      </c>
      <c r="B14" s="17"/>
      <c r="C14" s="13">
        <v>2873</v>
      </c>
      <c r="D14" s="19">
        <v>1509</v>
      </c>
      <c r="E14" s="19">
        <v>1364</v>
      </c>
      <c r="F14" s="19"/>
      <c r="G14" s="18" t="s">
        <v>26</v>
      </c>
      <c r="H14" s="17"/>
      <c r="I14" s="13">
        <v>4168</v>
      </c>
      <c r="J14" s="19">
        <v>2188</v>
      </c>
      <c r="K14" s="19">
        <v>1980</v>
      </c>
    </row>
    <row r="15" spans="1:11" ht="15" customHeight="1">
      <c r="A15" s="17" t="s">
        <v>27</v>
      </c>
      <c r="B15" s="17"/>
      <c r="C15" s="13">
        <v>2770</v>
      </c>
      <c r="D15" s="19">
        <v>1447</v>
      </c>
      <c r="E15" s="19">
        <v>1323</v>
      </c>
      <c r="F15" s="19"/>
      <c r="G15" s="18" t="s">
        <v>28</v>
      </c>
      <c r="H15" s="17"/>
      <c r="I15" s="13">
        <v>4024</v>
      </c>
      <c r="J15" s="19">
        <v>2080</v>
      </c>
      <c r="K15" s="19">
        <v>1944</v>
      </c>
    </row>
    <row r="16" spans="1:11" ht="15" customHeight="1">
      <c r="A16" s="17" t="s">
        <v>29</v>
      </c>
      <c r="B16" s="17"/>
      <c r="C16" s="13">
        <v>2690</v>
      </c>
      <c r="D16" s="19">
        <v>1293</v>
      </c>
      <c r="E16" s="19">
        <v>1397</v>
      </c>
      <c r="F16" s="19"/>
      <c r="G16" s="18" t="s">
        <v>30</v>
      </c>
      <c r="H16" s="17"/>
      <c r="I16" s="13">
        <v>3746</v>
      </c>
      <c r="J16" s="19">
        <v>1964</v>
      </c>
      <c r="K16" s="19">
        <v>1782</v>
      </c>
    </row>
    <row r="17" spans="1:11" ht="20.100000000000001" customHeight="1">
      <c r="A17" s="20" t="s">
        <v>31</v>
      </c>
      <c r="B17" s="20"/>
      <c r="C17" s="13">
        <v>13236</v>
      </c>
      <c r="D17" s="14">
        <v>6794</v>
      </c>
      <c r="E17" s="14">
        <v>6442</v>
      </c>
      <c r="F17" s="14"/>
      <c r="G17" s="18" t="s">
        <v>32</v>
      </c>
      <c r="H17" s="17"/>
      <c r="I17" s="13">
        <v>16686</v>
      </c>
      <c r="J17" s="14">
        <v>8525</v>
      </c>
      <c r="K17" s="14">
        <v>8161</v>
      </c>
    </row>
    <row r="18" spans="1:11" ht="15" customHeight="1">
      <c r="A18" s="17" t="s">
        <v>33</v>
      </c>
      <c r="B18" s="17"/>
      <c r="C18" s="13">
        <v>2721</v>
      </c>
      <c r="D18" s="19">
        <v>1411</v>
      </c>
      <c r="E18" s="19">
        <v>1310</v>
      </c>
      <c r="F18" s="19"/>
      <c r="G18" s="18" t="s">
        <v>34</v>
      </c>
      <c r="H18" s="17"/>
      <c r="I18" s="13">
        <v>3649</v>
      </c>
      <c r="J18" s="19">
        <v>1884</v>
      </c>
      <c r="K18" s="19">
        <v>1765</v>
      </c>
    </row>
    <row r="19" spans="1:11" ht="15" customHeight="1">
      <c r="A19" s="17" t="s">
        <v>35</v>
      </c>
      <c r="B19" s="17"/>
      <c r="C19" s="13">
        <v>2649</v>
      </c>
      <c r="D19" s="19">
        <v>1332</v>
      </c>
      <c r="E19" s="19">
        <v>1317</v>
      </c>
      <c r="F19" s="19"/>
      <c r="G19" s="18" t="s">
        <v>36</v>
      </c>
      <c r="H19" s="17"/>
      <c r="I19" s="13">
        <v>3217</v>
      </c>
      <c r="J19" s="19">
        <v>1636</v>
      </c>
      <c r="K19" s="19">
        <v>1581</v>
      </c>
    </row>
    <row r="20" spans="1:11" ht="15" customHeight="1">
      <c r="A20" s="17" t="s">
        <v>37</v>
      </c>
      <c r="B20" s="17"/>
      <c r="C20" s="13">
        <v>2670</v>
      </c>
      <c r="D20" s="19">
        <v>1419</v>
      </c>
      <c r="E20" s="19">
        <v>1251</v>
      </c>
      <c r="F20" s="19"/>
      <c r="G20" s="18" t="s">
        <v>38</v>
      </c>
      <c r="H20" s="17"/>
      <c r="I20" s="13">
        <v>3312</v>
      </c>
      <c r="J20" s="19">
        <v>1690</v>
      </c>
      <c r="K20" s="19">
        <v>1622</v>
      </c>
    </row>
    <row r="21" spans="1:11" ht="15" customHeight="1">
      <c r="A21" s="17" t="s">
        <v>39</v>
      </c>
      <c r="B21" s="17"/>
      <c r="C21" s="13">
        <v>2472</v>
      </c>
      <c r="D21" s="19">
        <v>1238</v>
      </c>
      <c r="E21" s="19">
        <v>1234</v>
      </c>
      <c r="F21" s="19"/>
      <c r="G21" s="18" t="s">
        <v>40</v>
      </c>
      <c r="H21" s="17"/>
      <c r="I21" s="13">
        <v>3354</v>
      </c>
      <c r="J21" s="19">
        <v>1731</v>
      </c>
      <c r="K21" s="19">
        <v>1623</v>
      </c>
    </row>
    <row r="22" spans="1:11" ht="15" customHeight="1">
      <c r="A22" s="17" t="s">
        <v>41</v>
      </c>
      <c r="B22" s="17"/>
      <c r="C22" s="13">
        <v>2724</v>
      </c>
      <c r="D22" s="19">
        <v>1394</v>
      </c>
      <c r="E22" s="19">
        <v>1330</v>
      </c>
      <c r="F22" s="19"/>
      <c r="G22" s="18" t="s">
        <v>42</v>
      </c>
      <c r="H22" s="17"/>
      <c r="I22" s="13">
        <v>3154</v>
      </c>
      <c r="J22" s="19">
        <v>1584</v>
      </c>
      <c r="K22" s="19">
        <v>1570</v>
      </c>
    </row>
    <row r="23" spans="1:11" ht="20.100000000000001" customHeight="1">
      <c r="A23" s="17" t="s">
        <v>43</v>
      </c>
      <c r="B23" s="17"/>
      <c r="C23" s="13">
        <v>14345</v>
      </c>
      <c r="D23" s="14">
        <v>7307</v>
      </c>
      <c r="E23" s="14">
        <v>7038</v>
      </c>
      <c r="F23" s="14"/>
      <c r="G23" s="18" t="s">
        <v>44</v>
      </c>
      <c r="H23" s="17"/>
      <c r="I23" s="13">
        <v>18019</v>
      </c>
      <c r="J23" s="14">
        <v>8870</v>
      </c>
      <c r="K23" s="14">
        <v>9149</v>
      </c>
    </row>
    <row r="24" spans="1:11" ht="15" customHeight="1">
      <c r="A24" s="17" t="s">
        <v>45</v>
      </c>
      <c r="B24" s="17"/>
      <c r="C24" s="13">
        <v>2679</v>
      </c>
      <c r="D24" s="19">
        <v>1362</v>
      </c>
      <c r="E24" s="19">
        <v>1317</v>
      </c>
      <c r="F24" s="19"/>
      <c r="G24" s="18" t="s">
        <v>46</v>
      </c>
      <c r="H24" s="17"/>
      <c r="I24" s="13">
        <v>3323</v>
      </c>
      <c r="J24" s="19">
        <v>1717</v>
      </c>
      <c r="K24" s="19">
        <v>1606</v>
      </c>
    </row>
    <row r="25" spans="1:11" ht="15" customHeight="1">
      <c r="A25" s="17" t="s">
        <v>47</v>
      </c>
      <c r="B25" s="17"/>
      <c r="C25" s="13">
        <v>2760</v>
      </c>
      <c r="D25" s="19">
        <v>1392</v>
      </c>
      <c r="E25" s="19">
        <v>1368</v>
      </c>
      <c r="F25" s="19"/>
      <c r="G25" s="18" t="s">
        <v>48</v>
      </c>
      <c r="H25" s="17"/>
      <c r="I25" s="13">
        <v>3378</v>
      </c>
      <c r="J25" s="19">
        <v>1650</v>
      </c>
      <c r="K25" s="19">
        <v>1728</v>
      </c>
    </row>
    <row r="26" spans="1:11" ht="15" customHeight="1">
      <c r="A26" s="17" t="s">
        <v>49</v>
      </c>
      <c r="B26" s="17"/>
      <c r="C26" s="13">
        <v>2701</v>
      </c>
      <c r="D26" s="19">
        <v>1385</v>
      </c>
      <c r="E26" s="19">
        <v>1316</v>
      </c>
      <c r="F26" s="19"/>
      <c r="G26" s="18" t="s">
        <v>50</v>
      </c>
      <c r="H26" s="17"/>
      <c r="I26" s="13">
        <v>3508</v>
      </c>
      <c r="J26" s="19">
        <v>1712</v>
      </c>
      <c r="K26" s="19">
        <v>1796</v>
      </c>
    </row>
    <row r="27" spans="1:11" ht="15" customHeight="1">
      <c r="A27" s="17" t="s">
        <v>51</v>
      </c>
      <c r="B27" s="17"/>
      <c r="C27" s="13">
        <v>2989</v>
      </c>
      <c r="D27" s="19">
        <v>1513</v>
      </c>
      <c r="E27" s="19">
        <v>1476</v>
      </c>
      <c r="F27" s="19"/>
      <c r="G27" s="18" t="s">
        <v>52</v>
      </c>
      <c r="H27" s="17"/>
      <c r="I27" s="13">
        <v>3629</v>
      </c>
      <c r="J27" s="19">
        <v>1759</v>
      </c>
      <c r="K27" s="19">
        <v>1870</v>
      </c>
    </row>
    <row r="28" spans="1:11" ht="15" customHeight="1">
      <c r="A28" s="17" t="s">
        <v>53</v>
      </c>
      <c r="B28" s="17"/>
      <c r="C28" s="13">
        <v>3216</v>
      </c>
      <c r="D28" s="19">
        <v>1655</v>
      </c>
      <c r="E28" s="19">
        <v>1561</v>
      </c>
      <c r="F28" s="19"/>
      <c r="G28" s="18" t="s">
        <v>54</v>
      </c>
      <c r="H28" s="17"/>
      <c r="I28" s="13">
        <v>4181</v>
      </c>
      <c r="J28" s="19">
        <v>2032</v>
      </c>
      <c r="K28" s="19">
        <v>2149</v>
      </c>
    </row>
    <row r="29" spans="1:11" ht="20.100000000000001" customHeight="1">
      <c r="A29" s="17" t="s">
        <v>55</v>
      </c>
      <c r="B29" s="17"/>
      <c r="C29" s="13">
        <v>21223</v>
      </c>
      <c r="D29" s="14">
        <v>11274</v>
      </c>
      <c r="E29" s="14">
        <v>9949</v>
      </c>
      <c r="F29" s="14"/>
      <c r="G29" s="18" t="s">
        <v>56</v>
      </c>
      <c r="H29" s="17"/>
      <c r="I29" s="13">
        <v>16553</v>
      </c>
      <c r="J29" s="14">
        <v>7897</v>
      </c>
      <c r="K29" s="14">
        <v>8656</v>
      </c>
    </row>
    <row r="30" spans="1:11" ht="15" customHeight="1">
      <c r="A30" s="17" t="s">
        <v>57</v>
      </c>
      <c r="B30" s="17"/>
      <c r="C30" s="13">
        <v>3420</v>
      </c>
      <c r="D30" s="19">
        <v>1720</v>
      </c>
      <c r="E30" s="19">
        <v>1700</v>
      </c>
      <c r="F30" s="19"/>
      <c r="G30" s="18" t="s">
        <v>58</v>
      </c>
      <c r="H30" s="17"/>
      <c r="I30" s="13">
        <v>4202</v>
      </c>
      <c r="J30" s="19">
        <v>2075</v>
      </c>
      <c r="K30" s="19">
        <v>2127</v>
      </c>
    </row>
    <row r="31" spans="1:11" ht="15" customHeight="1">
      <c r="A31" s="17" t="s">
        <v>59</v>
      </c>
      <c r="B31" s="17"/>
      <c r="C31" s="13">
        <v>3708</v>
      </c>
      <c r="D31" s="19">
        <v>1918</v>
      </c>
      <c r="E31" s="19">
        <v>1790</v>
      </c>
      <c r="F31" s="19"/>
      <c r="G31" s="18" t="s">
        <v>60</v>
      </c>
      <c r="H31" s="17"/>
      <c r="I31" s="13">
        <v>4063</v>
      </c>
      <c r="J31" s="19">
        <v>1970</v>
      </c>
      <c r="K31" s="19">
        <v>2093</v>
      </c>
    </row>
    <row r="32" spans="1:11" ht="15" customHeight="1">
      <c r="A32" s="17" t="s">
        <v>61</v>
      </c>
      <c r="B32" s="17"/>
      <c r="C32" s="13">
        <v>4281</v>
      </c>
      <c r="D32" s="19">
        <v>2302</v>
      </c>
      <c r="E32" s="19">
        <v>1979</v>
      </c>
      <c r="F32" s="19"/>
      <c r="G32" s="18" t="s">
        <v>62</v>
      </c>
      <c r="H32" s="17"/>
      <c r="I32" s="13">
        <v>2752</v>
      </c>
      <c r="J32" s="19">
        <v>1275</v>
      </c>
      <c r="K32" s="19">
        <v>1477</v>
      </c>
    </row>
    <row r="33" spans="1:11" ht="15" customHeight="1">
      <c r="A33" s="17" t="s">
        <v>63</v>
      </c>
      <c r="B33" s="17"/>
      <c r="C33" s="13">
        <v>4842</v>
      </c>
      <c r="D33" s="19">
        <v>2598</v>
      </c>
      <c r="E33" s="19">
        <v>2244</v>
      </c>
      <c r="F33" s="19"/>
      <c r="G33" s="18" t="s">
        <v>64</v>
      </c>
      <c r="H33" s="17"/>
      <c r="I33" s="13">
        <v>2580</v>
      </c>
      <c r="J33" s="19">
        <v>1202</v>
      </c>
      <c r="K33" s="19">
        <v>1378</v>
      </c>
    </row>
    <row r="34" spans="1:11" ht="15" customHeight="1">
      <c r="A34" s="17" t="s">
        <v>65</v>
      </c>
      <c r="B34" s="17"/>
      <c r="C34" s="13">
        <v>4972</v>
      </c>
      <c r="D34" s="19">
        <v>2736</v>
      </c>
      <c r="E34" s="19">
        <v>2236</v>
      </c>
      <c r="F34" s="19"/>
      <c r="G34" s="18" t="s">
        <v>66</v>
      </c>
      <c r="H34" s="17"/>
      <c r="I34" s="13">
        <v>2956</v>
      </c>
      <c r="J34" s="19">
        <v>1375</v>
      </c>
      <c r="K34" s="19">
        <v>1581</v>
      </c>
    </row>
    <row r="35" spans="1:11" ht="20.100000000000001" customHeight="1">
      <c r="A35" s="17" t="s">
        <v>67</v>
      </c>
      <c r="B35" s="17"/>
      <c r="C35" s="13">
        <v>24007</v>
      </c>
      <c r="D35" s="14">
        <v>12438</v>
      </c>
      <c r="E35" s="14">
        <v>11569</v>
      </c>
      <c r="F35" s="14"/>
      <c r="G35" s="18" t="s">
        <v>68</v>
      </c>
      <c r="H35" s="17"/>
      <c r="I35" s="13">
        <v>13765</v>
      </c>
      <c r="J35" s="14">
        <v>6112</v>
      </c>
      <c r="K35" s="14">
        <v>7653</v>
      </c>
    </row>
    <row r="36" spans="1:11" ht="15" customHeight="1">
      <c r="A36" s="17" t="s">
        <v>69</v>
      </c>
      <c r="B36" s="17"/>
      <c r="C36" s="13">
        <v>4838</v>
      </c>
      <c r="D36" s="19">
        <v>2565</v>
      </c>
      <c r="E36" s="19">
        <v>2273</v>
      </c>
      <c r="F36" s="19"/>
      <c r="G36" s="18" t="s">
        <v>70</v>
      </c>
      <c r="H36" s="17"/>
      <c r="I36" s="13">
        <v>3154</v>
      </c>
      <c r="J36" s="19">
        <v>1421</v>
      </c>
      <c r="K36" s="19">
        <v>1733</v>
      </c>
    </row>
    <row r="37" spans="1:11" ht="15" customHeight="1">
      <c r="A37" s="17" t="s">
        <v>71</v>
      </c>
      <c r="B37" s="17"/>
      <c r="C37" s="13">
        <v>4754</v>
      </c>
      <c r="D37" s="19">
        <v>2543</v>
      </c>
      <c r="E37" s="19">
        <v>2211</v>
      </c>
      <c r="F37" s="19"/>
      <c r="G37" s="18" t="s">
        <v>72</v>
      </c>
      <c r="H37" s="17"/>
      <c r="I37" s="13">
        <v>2926</v>
      </c>
      <c r="J37" s="19">
        <v>1306</v>
      </c>
      <c r="K37" s="19">
        <v>1620</v>
      </c>
    </row>
    <row r="38" spans="1:11" ht="15" customHeight="1">
      <c r="A38" s="17" t="s">
        <v>73</v>
      </c>
      <c r="B38" s="17"/>
      <c r="C38" s="13">
        <v>4762</v>
      </c>
      <c r="D38" s="19">
        <v>2422</v>
      </c>
      <c r="E38" s="19">
        <v>2340</v>
      </c>
      <c r="F38" s="19"/>
      <c r="G38" s="18" t="s">
        <v>74</v>
      </c>
      <c r="H38" s="17"/>
      <c r="I38" s="13">
        <v>2834</v>
      </c>
      <c r="J38" s="19">
        <v>1246</v>
      </c>
      <c r="K38" s="19">
        <v>1588</v>
      </c>
    </row>
    <row r="39" spans="1:11" ht="15" customHeight="1">
      <c r="A39" s="17" t="s">
        <v>75</v>
      </c>
      <c r="B39" s="17"/>
      <c r="C39" s="13">
        <v>4763</v>
      </c>
      <c r="D39" s="19">
        <v>2420</v>
      </c>
      <c r="E39" s="19">
        <v>2343</v>
      </c>
      <c r="F39" s="19"/>
      <c r="G39" s="18" t="s">
        <v>76</v>
      </c>
      <c r="H39" s="17"/>
      <c r="I39" s="13">
        <v>2610</v>
      </c>
      <c r="J39" s="19">
        <v>1146</v>
      </c>
      <c r="K39" s="19">
        <v>1464</v>
      </c>
    </row>
    <row r="40" spans="1:11" ht="15" customHeight="1">
      <c r="A40" s="17" t="s">
        <v>77</v>
      </c>
      <c r="B40" s="17"/>
      <c r="C40" s="13">
        <v>4890</v>
      </c>
      <c r="D40" s="19">
        <v>2488</v>
      </c>
      <c r="E40" s="19">
        <v>2402</v>
      </c>
      <c r="F40" s="19"/>
      <c r="G40" s="18" t="s">
        <v>78</v>
      </c>
      <c r="H40" s="17"/>
      <c r="I40" s="13">
        <v>2241</v>
      </c>
      <c r="J40" s="19">
        <v>993</v>
      </c>
      <c r="K40" s="19">
        <v>1248</v>
      </c>
    </row>
    <row r="41" spans="1:11" ht="20.100000000000001" customHeight="1">
      <c r="A41" s="17" t="s">
        <v>79</v>
      </c>
      <c r="B41" s="17"/>
      <c r="C41" s="13">
        <v>26275</v>
      </c>
      <c r="D41" s="14">
        <v>13694</v>
      </c>
      <c r="E41" s="14">
        <v>12581</v>
      </c>
      <c r="F41" s="14"/>
      <c r="G41" s="18" t="s">
        <v>80</v>
      </c>
      <c r="H41" s="17"/>
      <c r="I41" s="13">
        <v>10056</v>
      </c>
      <c r="J41" s="14">
        <v>4161</v>
      </c>
      <c r="K41" s="14">
        <v>5895</v>
      </c>
    </row>
    <row r="42" spans="1:11" ht="15" customHeight="1">
      <c r="A42" s="17" t="s">
        <v>81</v>
      </c>
      <c r="B42" s="17"/>
      <c r="C42" s="13">
        <v>5051</v>
      </c>
      <c r="D42" s="19">
        <v>2586</v>
      </c>
      <c r="E42" s="19">
        <v>2465</v>
      </c>
      <c r="F42" s="19"/>
      <c r="G42" s="18" t="s">
        <v>82</v>
      </c>
      <c r="H42" s="17"/>
      <c r="I42" s="13">
        <v>2071</v>
      </c>
      <c r="J42" s="19">
        <v>866</v>
      </c>
      <c r="K42" s="19">
        <v>1205</v>
      </c>
    </row>
    <row r="43" spans="1:11" ht="15" customHeight="1">
      <c r="A43" s="17" t="s">
        <v>83</v>
      </c>
      <c r="B43" s="17"/>
      <c r="C43" s="13">
        <v>5104</v>
      </c>
      <c r="D43" s="19">
        <v>2727</v>
      </c>
      <c r="E43" s="19">
        <v>2377</v>
      </c>
      <c r="F43" s="19"/>
      <c r="G43" s="18" t="s">
        <v>84</v>
      </c>
      <c r="H43" s="17"/>
      <c r="I43" s="13">
        <v>2185</v>
      </c>
      <c r="J43" s="19">
        <v>925</v>
      </c>
      <c r="K43" s="19">
        <v>1260</v>
      </c>
    </row>
    <row r="44" spans="1:11" ht="15" customHeight="1">
      <c r="A44" s="17" t="s">
        <v>85</v>
      </c>
      <c r="B44" s="17"/>
      <c r="C44" s="13">
        <v>5209</v>
      </c>
      <c r="D44" s="19">
        <v>2721</v>
      </c>
      <c r="E44" s="19">
        <v>2488</v>
      </c>
      <c r="F44" s="19"/>
      <c r="G44" s="18" t="s">
        <v>86</v>
      </c>
      <c r="H44" s="17"/>
      <c r="I44" s="13">
        <v>2027</v>
      </c>
      <c r="J44" s="19">
        <v>820</v>
      </c>
      <c r="K44" s="19">
        <v>1207</v>
      </c>
    </row>
    <row r="45" spans="1:11" ht="15" customHeight="1">
      <c r="A45" s="17" t="s">
        <v>87</v>
      </c>
      <c r="B45" s="17"/>
      <c r="C45" s="13">
        <v>5361</v>
      </c>
      <c r="D45" s="19">
        <v>2763</v>
      </c>
      <c r="E45" s="19">
        <v>2598</v>
      </c>
      <c r="F45" s="19"/>
      <c r="G45" s="18" t="s">
        <v>88</v>
      </c>
      <c r="H45" s="17"/>
      <c r="I45" s="13">
        <v>2093</v>
      </c>
      <c r="J45" s="19">
        <v>877</v>
      </c>
      <c r="K45" s="19">
        <v>1216</v>
      </c>
    </row>
    <row r="46" spans="1:11" ht="15" customHeight="1">
      <c r="A46" s="17" t="s">
        <v>89</v>
      </c>
      <c r="B46" s="17"/>
      <c r="C46" s="13">
        <v>5550</v>
      </c>
      <c r="D46" s="19">
        <v>2897</v>
      </c>
      <c r="E46" s="19">
        <v>2653</v>
      </c>
      <c r="F46" s="19"/>
      <c r="G46" s="18" t="s">
        <v>90</v>
      </c>
      <c r="H46" s="17"/>
      <c r="I46" s="13">
        <v>1680</v>
      </c>
      <c r="J46" s="19">
        <v>673</v>
      </c>
      <c r="K46" s="19">
        <v>1007</v>
      </c>
    </row>
    <row r="47" spans="1:11" ht="20.100000000000001" customHeight="1">
      <c r="A47" s="17" t="s">
        <v>91</v>
      </c>
      <c r="B47" s="17"/>
      <c r="C47" s="13">
        <v>26690</v>
      </c>
      <c r="D47" s="14">
        <v>13862</v>
      </c>
      <c r="E47" s="14">
        <v>12828</v>
      </c>
      <c r="F47" s="14"/>
      <c r="G47" s="18" t="s">
        <v>92</v>
      </c>
      <c r="H47" s="17"/>
      <c r="I47" s="13">
        <v>6516</v>
      </c>
      <c r="J47" s="14">
        <v>2335</v>
      </c>
      <c r="K47" s="14">
        <v>4181</v>
      </c>
    </row>
    <row r="48" spans="1:11" ht="15" customHeight="1">
      <c r="A48" s="17" t="s">
        <v>93</v>
      </c>
      <c r="B48" s="17"/>
      <c r="C48" s="13">
        <v>5291</v>
      </c>
      <c r="D48" s="19">
        <v>2719</v>
      </c>
      <c r="E48" s="19">
        <v>2572</v>
      </c>
      <c r="F48" s="19"/>
      <c r="G48" s="18" t="s">
        <v>94</v>
      </c>
      <c r="H48" s="17"/>
      <c r="I48" s="13">
        <v>1602</v>
      </c>
      <c r="J48" s="19">
        <v>617</v>
      </c>
      <c r="K48" s="19">
        <v>985</v>
      </c>
    </row>
    <row r="49" spans="1:11" ht="15" customHeight="1">
      <c r="A49" s="17" t="s">
        <v>95</v>
      </c>
      <c r="B49" s="17"/>
      <c r="C49" s="13">
        <v>5306</v>
      </c>
      <c r="D49" s="19">
        <v>2783</v>
      </c>
      <c r="E49" s="19">
        <v>2523</v>
      </c>
      <c r="F49" s="19"/>
      <c r="G49" s="18" t="s">
        <v>96</v>
      </c>
      <c r="H49" s="17"/>
      <c r="I49" s="13">
        <v>1431</v>
      </c>
      <c r="J49" s="19">
        <v>547</v>
      </c>
      <c r="K49" s="19">
        <v>884</v>
      </c>
    </row>
    <row r="50" spans="1:11" ht="15" customHeight="1">
      <c r="A50" s="17" t="s">
        <v>97</v>
      </c>
      <c r="B50" s="17"/>
      <c r="C50" s="13">
        <v>5245</v>
      </c>
      <c r="D50" s="19">
        <v>2718</v>
      </c>
      <c r="E50" s="19">
        <v>2527</v>
      </c>
      <c r="F50" s="19"/>
      <c r="G50" s="18" t="s">
        <v>98</v>
      </c>
      <c r="H50" s="17"/>
      <c r="I50" s="13">
        <v>1329</v>
      </c>
      <c r="J50" s="19">
        <v>457</v>
      </c>
      <c r="K50" s="19">
        <v>872</v>
      </c>
    </row>
    <row r="51" spans="1:11" ht="15" customHeight="1">
      <c r="A51" s="17" t="s">
        <v>99</v>
      </c>
      <c r="B51" s="17"/>
      <c r="C51" s="13">
        <v>5409</v>
      </c>
      <c r="D51" s="19">
        <v>2813</v>
      </c>
      <c r="E51" s="19">
        <v>2596</v>
      </c>
      <c r="F51" s="19"/>
      <c r="G51" s="18" t="s">
        <v>100</v>
      </c>
      <c r="H51" s="17"/>
      <c r="I51" s="13">
        <v>1112</v>
      </c>
      <c r="J51" s="19">
        <v>373</v>
      </c>
      <c r="K51" s="19">
        <v>739</v>
      </c>
    </row>
    <row r="52" spans="1:11" ht="15" customHeight="1">
      <c r="A52" s="17" t="s">
        <v>101</v>
      </c>
      <c r="B52" s="17"/>
      <c r="C52" s="13">
        <v>5439</v>
      </c>
      <c r="D52" s="19">
        <v>2829</v>
      </c>
      <c r="E52" s="19">
        <v>2610</v>
      </c>
      <c r="F52" s="19"/>
      <c r="G52" s="18" t="s">
        <v>102</v>
      </c>
      <c r="H52" s="17"/>
      <c r="I52" s="13">
        <v>1042</v>
      </c>
      <c r="J52" s="19">
        <v>341</v>
      </c>
      <c r="K52" s="19">
        <v>701</v>
      </c>
    </row>
    <row r="53" spans="1:11" ht="20.100000000000001" customHeight="1">
      <c r="A53" s="17" t="s">
        <v>103</v>
      </c>
      <c r="B53" s="17"/>
      <c r="C53" s="13">
        <v>29177</v>
      </c>
      <c r="D53" s="14">
        <v>15098</v>
      </c>
      <c r="E53" s="14">
        <v>14079</v>
      </c>
      <c r="F53" s="14"/>
      <c r="G53" s="18" t="s">
        <v>104</v>
      </c>
      <c r="H53" s="17"/>
      <c r="I53" s="13">
        <v>3063</v>
      </c>
      <c r="J53" s="14">
        <v>914</v>
      </c>
      <c r="K53" s="14">
        <v>2149</v>
      </c>
    </row>
    <row r="54" spans="1:11" ht="15" customHeight="1">
      <c r="A54" s="17" t="s">
        <v>105</v>
      </c>
      <c r="B54" s="17"/>
      <c r="C54" s="13">
        <v>5640</v>
      </c>
      <c r="D54" s="19">
        <v>2943</v>
      </c>
      <c r="E54" s="19">
        <v>2697</v>
      </c>
      <c r="F54" s="19"/>
      <c r="G54" s="18" t="s">
        <v>106</v>
      </c>
      <c r="H54" s="17"/>
      <c r="I54" s="13">
        <v>877</v>
      </c>
      <c r="J54" s="19">
        <v>267</v>
      </c>
      <c r="K54" s="19">
        <v>610</v>
      </c>
    </row>
    <row r="55" spans="1:11" ht="15" customHeight="1">
      <c r="A55" s="17" t="s">
        <v>107</v>
      </c>
      <c r="B55" s="17"/>
      <c r="C55" s="13">
        <v>5588</v>
      </c>
      <c r="D55" s="19">
        <v>2874</v>
      </c>
      <c r="E55" s="19">
        <v>2714</v>
      </c>
      <c r="F55" s="19"/>
      <c r="G55" s="18" t="s">
        <v>108</v>
      </c>
      <c r="H55" s="17"/>
      <c r="I55" s="13">
        <v>709</v>
      </c>
      <c r="J55" s="19">
        <v>227</v>
      </c>
      <c r="K55" s="19">
        <v>482</v>
      </c>
    </row>
    <row r="56" spans="1:11" ht="15" customHeight="1">
      <c r="A56" s="17" t="s">
        <v>109</v>
      </c>
      <c r="B56" s="17"/>
      <c r="C56" s="13">
        <v>5842</v>
      </c>
      <c r="D56" s="19">
        <v>3036</v>
      </c>
      <c r="E56" s="19">
        <v>2806</v>
      </c>
      <c r="F56" s="19"/>
      <c r="G56" s="18" t="s">
        <v>110</v>
      </c>
      <c r="H56" s="17"/>
      <c r="I56" s="13">
        <v>583</v>
      </c>
      <c r="J56" s="19">
        <v>201</v>
      </c>
      <c r="K56" s="19">
        <v>382</v>
      </c>
    </row>
    <row r="57" spans="1:11" ht="15" customHeight="1">
      <c r="A57" s="17" t="s">
        <v>111</v>
      </c>
      <c r="B57" s="17"/>
      <c r="C57" s="13">
        <v>5829</v>
      </c>
      <c r="D57" s="19">
        <v>2983</v>
      </c>
      <c r="E57" s="19">
        <v>2846</v>
      </c>
      <c r="F57" s="19"/>
      <c r="G57" s="18" t="s">
        <v>112</v>
      </c>
      <c r="H57" s="17"/>
      <c r="I57" s="13">
        <v>526</v>
      </c>
      <c r="J57" s="19">
        <v>130</v>
      </c>
      <c r="K57" s="19">
        <v>396</v>
      </c>
    </row>
    <row r="58" spans="1:11" ht="15" customHeight="1">
      <c r="A58" s="17" t="s">
        <v>113</v>
      </c>
      <c r="B58" s="17"/>
      <c r="C58" s="13">
        <v>6278</v>
      </c>
      <c r="D58" s="19">
        <v>3262</v>
      </c>
      <c r="E58" s="19">
        <v>3016</v>
      </c>
      <c r="F58" s="19"/>
      <c r="G58" s="18" t="s">
        <v>114</v>
      </c>
      <c r="H58" s="17"/>
      <c r="I58" s="13">
        <v>368</v>
      </c>
      <c r="J58" s="19">
        <v>89</v>
      </c>
      <c r="K58" s="19">
        <v>279</v>
      </c>
    </row>
    <row r="59" spans="1:11" ht="20.100000000000001" customHeight="1">
      <c r="A59" s="17" t="s">
        <v>115</v>
      </c>
      <c r="B59" s="17"/>
      <c r="C59" s="13">
        <v>30718</v>
      </c>
      <c r="D59" s="14">
        <v>15781</v>
      </c>
      <c r="E59" s="14">
        <v>14937</v>
      </c>
      <c r="F59" s="14"/>
      <c r="G59" s="18" t="s">
        <v>116</v>
      </c>
      <c r="H59" s="17"/>
      <c r="I59" s="13">
        <v>698</v>
      </c>
      <c r="J59" s="14">
        <v>144</v>
      </c>
      <c r="K59" s="14">
        <v>554</v>
      </c>
    </row>
    <row r="60" spans="1:11" ht="15" customHeight="1">
      <c r="A60" s="17" t="s">
        <v>117</v>
      </c>
      <c r="B60" s="17"/>
      <c r="C60" s="13">
        <v>6199</v>
      </c>
      <c r="D60" s="19">
        <v>3178</v>
      </c>
      <c r="E60" s="19">
        <v>3021</v>
      </c>
      <c r="F60" s="19"/>
      <c r="G60" s="18" t="s">
        <v>118</v>
      </c>
      <c r="H60" s="17"/>
      <c r="I60" s="13">
        <v>229</v>
      </c>
      <c r="J60" s="19">
        <v>54</v>
      </c>
      <c r="K60" s="19">
        <v>175</v>
      </c>
    </row>
    <row r="61" spans="1:11" ht="15" customHeight="1">
      <c r="A61" s="17" t="s">
        <v>119</v>
      </c>
      <c r="B61" s="17"/>
      <c r="C61" s="13">
        <v>6098</v>
      </c>
      <c r="D61" s="19">
        <v>3136</v>
      </c>
      <c r="E61" s="19">
        <v>2962</v>
      </c>
      <c r="F61" s="19"/>
      <c r="G61" s="18" t="s">
        <v>120</v>
      </c>
      <c r="H61" s="17"/>
      <c r="I61" s="13">
        <v>182</v>
      </c>
      <c r="J61" s="19">
        <v>31</v>
      </c>
      <c r="K61" s="19">
        <v>151</v>
      </c>
    </row>
    <row r="62" spans="1:11" ht="15" customHeight="1">
      <c r="A62" s="17" t="s">
        <v>121</v>
      </c>
      <c r="B62" s="17"/>
      <c r="C62" s="13">
        <v>6137</v>
      </c>
      <c r="D62" s="19">
        <v>3114</v>
      </c>
      <c r="E62" s="19">
        <v>3023</v>
      </c>
      <c r="F62" s="19"/>
      <c r="G62" s="18" t="s">
        <v>122</v>
      </c>
      <c r="H62" s="17"/>
      <c r="I62" s="13">
        <v>140</v>
      </c>
      <c r="J62" s="19">
        <v>25</v>
      </c>
      <c r="K62" s="19">
        <v>115</v>
      </c>
    </row>
    <row r="63" spans="1:11" ht="15" customHeight="1">
      <c r="A63" s="17" t="s">
        <v>123</v>
      </c>
      <c r="B63" s="17"/>
      <c r="C63" s="13">
        <v>6204</v>
      </c>
      <c r="D63" s="19">
        <v>3156</v>
      </c>
      <c r="E63" s="19">
        <v>3048</v>
      </c>
      <c r="F63" s="19"/>
      <c r="G63" s="18" t="s">
        <v>124</v>
      </c>
      <c r="H63" s="17"/>
      <c r="I63" s="13">
        <v>92</v>
      </c>
      <c r="J63" s="19">
        <v>26</v>
      </c>
      <c r="K63" s="19">
        <v>66</v>
      </c>
    </row>
    <row r="64" spans="1:11" ht="15" customHeight="1">
      <c r="A64" s="17" t="s">
        <v>125</v>
      </c>
      <c r="B64" s="17"/>
      <c r="C64" s="13">
        <v>6080</v>
      </c>
      <c r="D64" s="19">
        <v>3197</v>
      </c>
      <c r="E64" s="19">
        <v>2883</v>
      </c>
      <c r="F64" s="19"/>
      <c r="G64" s="18" t="s">
        <v>126</v>
      </c>
      <c r="H64" s="17"/>
      <c r="I64" s="13">
        <v>55</v>
      </c>
      <c r="J64" s="19">
        <v>8</v>
      </c>
      <c r="K64" s="19">
        <v>4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92</v>
      </c>
      <c r="J65" s="19">
        <v>9</v>
      </c>
      <c r="K65" s="19">
        <v>8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420</v>
      </c>
      <c r="J66" s="29">
        <v>1799</v>
      </c>
      <c r="K66" s="29">
        <v>62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1" pageOrder="overThenDown" orientation="portrait" blackAndWhite="1" useFirstPageNumber="1" horizontalDpi="300" verticalDpi="300"/>
  <headerFooter scaleWithDoc="0"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9219</v>
      </c>
      <c r="D4" s="14">
        <v>136600</v>
      </c>
      <c r="E4" s="14">
        <v>14261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600</v>
      </c>
      <c r="D5" s="14">
        <v>5875</v>
      </c>
      <c r="E5" s="14">
        <v>5725</v>
      </c>
      <c r="F5" s="14"/>
      <c r="G5" s="18" t="s">
        <v>8</v>
      </c>
      <c r="H5" s="17"/>
      <c r="I5" s="13">
        <v>20540</v>
      </c>
      <c r="J5" s="14">
        <v>10564</v>
      </c>
      <c r="K5" s="14">
        <v>9976</v>
      </c>
    </row>
    <row r="6" spans="1:11" ht="15" customHeight="1">
      <c r="A6" s="17" t="s">
        <v>9</v>
      </c>
      <c r="B6" s="17"/>
      <c r="C6" s="13">
        <v>2313</v>
      </c>
      <c r="D6" s="19">
        <v>1141</v>
      </c>
      <c r="E6" s="19">
        <v>1172</v>
      </c>
      <c r="F6" s="19"/>
      <c r="G6" s="18" t="s">
        <v>10</v>
      </c>
      <c r="H6" s="17"/>
      <c r="I6" s="13">
        <v>4601</v>
      </c>
      <c r="J6" s="19">
        <v>2318</v>
      </c>
      <c r="K6" s="19">
        <v>2283</v>
      </c>
    </row>
    <row r="7" spans="1:11" ht="15" customHeight="1">
      <c r="A7" s="17" t="s">
        <v>11</v>
      </c>
      <c r="B7" s="17"/>
      <c r="C7" s="13">
        <v>2291</v>
      </c>
      <c r="D7" s="19">
        <v>1174</v>
      </c>
      <c r="E7" s="19">
        <v>1117</v>
      </c>
      <c r="F7" s="19"/>
      <c r="G7" s="18" t="s">
        <v>12</v>
      </c>
      <c r="H7" s="17"/>
      <c r="I7" s="13">
        <v>4638</v>
      </c>
      <c r="J7" s="19">
        <v>2417</v>
      </c>
      <c r="K7" s="19">
        <v>2221</v>
      </c>
    </row>
    <row r="8" spans="1:11" ht="15" customHeight="1">
      <c r="A8" s="17" t="s">
        <v>13</v>
      </c>
      <c r="B8" s="17"/>
      <c r="C8" s="13">
        <v>2489</v>
      </c>
      <c r="D8" s="19">
        <v>1241</v>
      </c>
      <c r="E8" s="19">
        <v>1248</v>
      </c>
      <c r="F8" s="19"/>
      <c r="G8" s="18" t="s">
        <v>14</v>
      </c>
      <c r="H8" s="17"/>
      <c r="I8" s="13">
        <v>3245</v>
      </c>
      <c r="J8" s="19">
        <v>1673</v>
      </c>
      <c r="K8" s="19">
        <v>1572</v>
      </c>
    </row>
    <row r="9" spans="1:11" ht="15" customHeight="1">
      <c r="A9" s="17" t="s">
        <v>15</v>
      </c>
      <c r="B9" s="17"/>
      <c r="C9" s="13">
        <v>2230</v>
      </c>
      <c r="D9" s="19">
        <v>1138</v>
      </c>
      <c r="E9" s="19">
        <v>1092</v>
      </c>
      <c r="F9" s="19"/>
      <c r="G9" s="18" t="s">
        <v>16</v>
      </c>
      <c r="H9" s="17"/>
      <c r="I9" s="13">
        <v>4254</v>
      </c>
      <c r="J9" s="19">
        <v>2172</v>
      </c>
      <c r="K9" s="19">
        <v>2082</v>
      </c>
    </row>
    <row r="10" spans="1:11" ht="15" customHeight="1">
      <c r="A10" s="17" t="s">
        <v>17</v>
      </c>
      <c r="B10" s="17"/>
      <c r="C10" s="13">
        <v>2277</v>
      </c>
      <c r="D10" s="19">
        <v>1181</v>
      </c>
      <c r="E10" s="19">
        <v>1096</v>
      </c>
      <c r="F10" s="19"/>
      <c r="G10" s="18" t="s">
        <v>18</v>
      </c>
      <c r="H10" s="17"/>
      <c r="I10" s="13">
        <v>3802</v>
      </c>
      <c r="J10" s="19">
        <v>1984</v>
      </c>
      <c r="K10" s="19">
        <v>1818</v>
      </c>
    </row>
    <row r="11" spans="1:11" ht="20.100000000000001" customHeight="1">
      <c r="A11" s="17" t="s">
        <v>19</v>
      </c>
      <c r="B11" s="17"/>
      <c r="C11" s="13">
        <v>12151</v>
      </c>
      <c r="D11" s="14">
        <v>6170</v>
      </c>
      <c r="E11" s="14">
        <v>5981</v>
      </c>
      <c r="F11" s="14"/>
      <c r="G11" s="18" t="s">
        <v>20</v>
      </c>
      <c r="H11" s="17"/>
      <c r="I11" s="13">
        <v>16199</v>
      </c>
      <c r="J11" s="14">
        <v>8287</v>
      </c>
      <c r="K11" s="14">
        <v>7912</v>
      </c>
    </row>
    <row r="12" spans="1:11" ht="15" customHeight="1">
      <c r="A12" s="17" t="s">
        <v>21</v>
      </c>
      <c r="B12" s="17"/>
      <c r="C12" s="13">
        <v>2408</v>
      </c>
      <c r="D12" s="19">
        <v>1232</v>
      </c>
      <c r="E12" s="19">
        <v>1176</v>
      </c>
      <c r="F12" s="19"/>
      <c r="G12" s="18" t="s">
        <v>22</v>
      </c>
      <c r="H12" s="17"/>
      <c r="I12" s="13">
        <v>3601</v>
      </c>
      <c r="J12" s="19">
        <v>1843</v>
      </c>
      <c r="K12" s="19">
        <v>1758</v>
      </c>
    </row>
    <row r="13" spans="1:11" ht="15" customHeight="1">
      <c r="A13" s="17" t="s">
        <v>23</v>
      </c>
      <c r="B13" s="17"/>
      <c r="C13" s="13">
        <v>2354</v>
      </c>
      <c r="D13" s="19">
        <v>1185</v>
      </c>
      <c r="E13" s="19">
        <v>1169</v>
      </c>
      <c r="F13" s="19"/>
      <c r="G13" s="18" t="s">
        <v>24</v>
      </c>
      <c r="H13" s="17"/>
      <c r="I13" s="13">
        <v>3365</v>
      </c>
      <c r="J13" s="19">
        <v>1766</v>
      </c>
      <c r="K13" s="19">
        <v>1599</v>
      </c>
    </row>
    <row r="14" spans="1:11" ht="15" customHeight="1">
      <c r="A14" s="17" t="s">
        <v>25</v>
      </c>
      <c r="B14" s="17"/>
      <c r="C14" s="13">
        <v>2388</v>
      </c>
      <c r="D14" s="19">
        <v>1207</v>
      </c>
      <c r="E14" s="19">
        <v>1181</v>
      </c>
      <c r="F14" s="19"/>
      <c r="G14" s="18" t="s">
        <v>26</v>
      </c>
      <c r="H14" s="17"/>
      <c r="I14" s="13">
        <v>3267</v>
      </c>
      <c r="J14" s="19">
        <v>1666</v>
      </c>
      <c r="K14" s="19">
        <v>1601</v>
      </c>
    </row>
    <row r="15" spans="1:11" ht="15" customHeight="1">
      <c r="A15" s="17" t="s">
        <v>27</v>
      </c>
      <c r="B15" s="17"/>
      <c r="C15" s="13">
        <v>2505</v>
      </c>
      <c r="D15" s="19">
        <v>1268</v>
      </c>
      <c r="E15" s="19">
        <v>1237</v>
      </c>
      <c r="F15" s="19"/>
      <c r="G15" s="18" t="s">
        <v>28</v>
      </c>
      <c r="H15" s="17"/>
      <c r="I15" s="13">
        <v>3119</v>
      </c>
      <c r="J15" s="19">
        <v>1549</v>
      </c>
      <c r="K15" s="19">
        <v>1570</v>
      </c>
    </row>
    <row r="16" spans="1:11" ht="15" customHeight="1">
      <c r="A16" s="17" t="s">
        <v>29</v>
      </c>
      <c r="B16" s="17"/>
      <c r="C16" s="13">
        <v>2496</v>
      </c>
      <c r="D16" s="19">
        <v>1278</v>
      </c>
      <c r="E16" s="19">
        <v>1218</v>
      </c>
      <c r="F16" s="19"/>
      <c r="G16" s="18" t="s">
        <v>30</v>
      </c>
      <c r="H16" s="17"/>
      <c r="I16" s="13">
        <v>2847</v>
      </c>
      <c r="J16" s="19">
        <v>1463</v>
      </c>
      <c r="K16" s="19">
        <v>1384</v>
      </c>
    </row>
    <row r="17" spans="1:11" ht="20.100000000000001" customHeight="1">
      <c r="A17" s="20" t="s">
        <v>31</v>
      </c>
      <c r="B17" s="20"/>
      <c r="C17" s="13">
        <v>12892</v>
      </c>
      <c r="D17" s="14">
        <v>6603</v>
      </c>
      <c r="E17" s="14">
        <v>6289</v>
      </c>
      <c r="F17" s="14"/>
      <c r="G17" s="18" t="s">
        <v>32</v>
      </c>
      <c r="H17" s="17"/>
      <c r="I17" s="13">
        <v>14268</v>
      </c>
      <c r="J17" s="14">
        <v>6954</v>
      </c>
      <c r="K17" s="14">
        <v>7314</v>
      </c>
    </row>
    <row r="18" spans="1:11" ht="15" customHeight="1">
      <c r="A18" s="17" t="s">
        <v>33</v>
      </c>
      <c r="B18" s="17"/>
      <c r="C18" s="13">
        <v>2554</v>
      </c>
      <c r="D18" s="19">
        <v>1319</v>
      </c>
      <c r="E18" s="19">
        <v>1235</v>
      </c>
      <c r="F18" s="19"/>
      <c r="G18" s="18" t="s">
        <v>34</v>
      </c>
      <c r="H18" s="17"/>
      <c r="I18" s="13">
        <v>2963</v>
      </c>
      <c r="J18" s="19">
        <v>1483</v>
      </c>
      <c r="K18" s="19">
        <v>1480</v>
      </c>
    </row>
    <row r="19" spans="1:11" ht="15" customHeight="1">
      <c r="A19" s="17" t="s">
        <v>35</v>
      </c>
      <c r="B19" s="17"/>
      <c r="C19" s="13">
        <v>2612</v>
      </c>
      <c r="D19" s="19">
        <v>1366</v>
      </c>
      <c r="E19" s="19">
        <v>1246</v>
      </c>
      <c r="F19" s="19"/>
      <c r="G19" s="18" t="s">
        <v>36</v>
      </c>
      <c r="H19" s="17"/>
      <c r="I19" s="13">
        <v>2666</v>
      </c>
      <c r="J19" s="19">
        <v>1306</v>
      </c>
      <c r="K19" s="19">
        <v>1360</v>
      </c>
    </row>
    <row r="20" spans="1:11" ht="15" customHeight="1">
      <c r="A20" s="17" t="s">
        <v>37</v>
      </c>
      <c r="B20" s="17"/>
      <c r="C20" s="13">
        <v>2695</v>
      </c>
      <c r="D20" s="19">
        <v>1339</v>
      </c>
      <c r="E20" s="19">
        <v>1356</v>
      </c>
      <c r="F20" s="19"/>
      <c r="G20" s="18" t="s">
        <v>38</v>
      </c>
      <c r="H20" s="17"/>
      <c r="I20" s="13">
        <v>2778</v>
      </c>
      <c r="J20" s="19">
        <v>1388</v>
      </c>
      <c r="K20" s="19">
        <v>1390</v>
      </c>
    </row>
    <row r="21" spans="1:11" ht="15" customHeight="1">
      <c r="A21" s="17" t="s">
        <v>39</v>
      </c>
      <c r="B21" s="17"/>
      <c r="C21" s="13">
        <v>2439</v>
      </c>
      <c r="D21" s="19">
        <v>1276</v>
      </c>
      <c r="E21" s="19">
        <v>1163</v>
      </c>
      <c r="F21" s="19"/>
      <c r="G21" s="18" t="s">
        <v>40</v>
      </c>
      <c r="H21" s="17"/>
      <c r="I21" s="13">
        <v>2903</v>
      </c>
      <c r="J21" s="19">
        <v>1370</v>
      </c>
      <c r="K21" s="19">
        <v>1533</v>
      </c>
    </row>
    <row r="22" spans="1:11" ht="15" customHeight="1">
      <c r="A22" s="17" t="s">
        <v>41</v>
      </c>
      <c r="B22" s="17"/>
      <c r="C22" s="13">
        <v>2592</v>
      </c>
      <c r="D22" s="19">
        <v>1303</v>
      </c>
      <c r="E22" s="19">
        <v>1289</v>
      </c>
      <c r="F22" s="19"/>
      <c r="G22" s="18" t="s">
        <v>42</v>
      </c>
      <c r="H22" s="17"/>
      <c r="I22" s="13">
        <v>2958</v>
      </c>
      <c r="J22" s="19">
        <v>1407</v>
      </c>
      <c r="K22" s="19">
        <v>1551</v>
      </c>
    </row>
    <row r="23" spans="1:11" ht="20.100000000000001" customHeight="1">
      <c r="A23" s="17" t="s">
        <v>43</v>
      </c>
      <c r="B23" s="17"/>
      <c r="C23" s="13">
        <v>13621</v>
      </c>
      <c r="D23" s="14">
        <v>6981</v>
      </c>
      <c r="E23" s="14">
        <v>6640</v>
      </c>
      <c r="F23" s="14"/>
      <c r="G23" s="18" t="s">
        <v>44</v>
      </c>
      <c r="H23" s="17"/>
      <c r="I23" s="13">
        <v>17697</v>
      </c>
      <c r="J23" s="14">
        <v>8437</v>
      </c>
      <c r="K23" s="14">
        <v>9260</v>
      </c>
    </row>
    <row r="24" spans="1:11" ht="15" customHeight="1">
      <c r="A24" s="17" t="s">
        <v>45</v>
      </c>
      <c r="B24" s="17"/>
      <c r="C24" s="13">
        <v>2712</v>
      </c>
      <c r="D24" s="19">
        <v>1369</v>
      </c>
      <c r="E24" s="19">
        <v>1343</v>
      </c>
      <c r="F24" s="19"/>
      <c r="G24" s="18" t="s">
        <v>46</v>
      </c>
      <c r="H24" s="17"/>
      <c r="I24" s="13">
        <v>3028</v>
      </c>
      <c r="J24" s="19">
        <v>1422</v>
      </c>
      <c r="K24" s="19">
        <v>1606</v>
      </c>
    </row>
    <row r="25" spans="1:11" ht="15" customHeight="1">
      <c r="A25" s="17" t="s">
        <v>47</v>
      </c>
      <c r="B25" s="17"/>
      <c r="C25" s="13">
        <v>2696</v>
      </c>
      <c r="D25" s="19">
        <v>1369</v>
      </c>
      <c r="E25" s="19">
        <v>1327</v>
      </c>
      <c r="F25" s="19"/>
      <c r="G25" s="18" t="s">
        <v>48</v>
      </c>
      <c r="H25" s="17"/>
      <c r="I25" s="13">
        <v>3271</v>
      </c>
      <c r="J25" s="19">
        <v>1575</v>
      </c>
      <c r="K25" s="19">
        <v>1696</v>
      </c>
    </row>
    <row r="26" spans="1:11" ht="15" customHeight="1">
      <c r="A26" s="17" t="s">
        <v>49</v>
      </c>
      <c r="B26" s="17"/>
      <c r="C26" s="13">
        <v>2622</v>
      </c>
      <c r="D26" s="19">
        <v>1362</v>
      </c>
      <c r="E26" s="19">
        <v>1260</v>
      </c>
      <c r="F26" s="19"/>
      <c r="G26" s="18" t="s">
        <v>50</v>
      </c>
      <c r="H26" s="17"/>
      <c r="I26" s="13">
        <v>3457</v>
      </c>
      <c r="J26" s="19">
        <v>1713</v>
      </c>
      <c r="K26" s="19">
        <v>1744</v>
      </c>
    </row>
    <row r="27" spans="1:11" ht="15" customHeight="1">
      <c r="A27" s="17" t="s">
        <v>51</v>
      </c>
      <c r="B27" s="17"/>
      <c r="C27" s="13">
        <v>2760</v>
      </c>
      <c r="D27" s="19">
        <v>1427</v>
      </c>
      <c r="E27" s="19">
        <v>1333</v>
      </c>
      <c r="F27" s="19"/>
      <c r="G27" s="18" t="s">
        <v>52</v>
      </c>
      <c r="H27" s="17"/>
      <c r="I27" s="13">
        <v>3753</v>
      </c>
      <c r="J27" s="19">
        <v>1788</v>
      </c>
      <c r="K27" s="19">
        <v>1965</v>
      </c>
    </row>
    <row r="28" spans="1:11" ht="15" customHeight="1">
      <c r="A28" s="17" t="s">
        <v>53</v>
      </c>
      <c r="B28" s="17"/>
      <c r="C28" s="13">
        <v>2831</v>
      </c>
      <c r="D28" s="19">
        <v>1454</v>
      </c>
      <c r="E28" s="19">
        <v>1377</v>
      </c>
      <c r="F28" s="19"/>
      <c r="G28" s="18" t="s">
        <v>54</v>
      </c>
      <c r="H28" s="17"/>
      <c r="I28" s="13">
        <v>4188</v>
      </c>
      <c r="J28" s="19">
        <v>1939</v>
      </c>
      <c r="K28" s="19">
        <v>2249</v>
      </c>
    </row>
    <row r="29" spans="1:11" ht="20.100000000000001" customHeight="1">
      <c r="A29" s="17" t="s">
        <v>55</v>
      </c>
      <c r="B29" s="17"/>
      <c r="C29" s="13">
        <v>14399</v>
      </c>
      <c r="D29" s="14">
        <v>7156</v>
      </c>
      <c r="E29" s="14">
        <v>7243</v>
      </c>
      <c r="F29" s="14"/>
      <c r="G29" s="18" t="s">
        <v>56</v>
      </c>
      <c r="H29" s="17"/>
      <c r="I29" s="13">
        <v>17016</v>
      </c>
      <c r="J29" s="14">
        <v>7940</v>
      </c>
      <c r="K29" s="14">
        <v>9076</v>
      </c>
    </row>
    <row r="30" spans="1:11" ht="15" customHeight="1">
      <c r="A30" s="17" t="s">
        <v>57</v>
      </c>
      <c r="B30" s="17"/>
      <c r="C30" s="13">
        <v>2872</v>
      </c>
      <c r="D30" s="19">
        <v>1432</v>
      </c>
      <c r="E30" s="19">
        <v>1440</v>
      </c>
      <c r="F30" s="19"/>
      <c r="G30" s="18" t="s">
        <v>58</v>
      </c>
      <c r="H30" s="17"/>
      <c r="I30" s="13">
        <v>4098</v>
      </c>
      <c r="J30" s="19">
        <v>1940</v>
      </c>
      <c r="K30" s="19">
        <v>2158</v>
      </c>
    </row>
    <row r="31" spans="1:11" ht="15" customHeight="1">
      <c r="A31" s="17" t="s">
        <v>59</v>
      </c>
      <c r="B31" s="17"/>
      <c r="C31" s="13">
        <v>2914</v>
      </c>
      <c r="D31" s="19">
        <v>1474</v>
      </c>
      <c r="E31" s="19">
        <v>1440</v>
      </c>
      <c r="F31" s="19"/>
      <c r="G31" s="18" t="s">
        <v>60</v>
      </c>
      <c r="H31" s="17"/>
      <c r="I31" s="13">
        <v>4221</v>
      </c>
      <c r="J31" s="19">
        <v>2004</v>
      </c>
      <c r="K31" s="19">
        <v>2217</v>
      </c>
    </row>
    <row r="32" spans="1:11" ht="15" customHeight="1">
      <c r="A32" s="17" t="s">
        <v>61</v>
      </c>
      <c r="B32" s="17"/>
      <c r="C32" s="13">
        <v>2969</v>
      </c>
      <c r="D32" s="19">
        <v>1455</v>
      </c>
      <c r="E32" s="19">
        <v>1514</v>
      </c>
      <c r="F32" s="19"/>
      <c r="G32" s="18" t="s">
        <v>62</v>
      </c>
      <c r="H32" s="17"/>
      <c r="I32" s="13">
        <v>2898</v>
      </c>
      <c r="J32" s="19">
        <v>1335</v>
      </c>
      <c r="K32" s="19">
        <v>1563</v>
      </c>
    </row>
    <row r="33" spans="1:11" ht="15" customHeight="1">
      <c r="A33" s="17" t="s">
        <v>63</v>
      </c>
      <c r="B33" s="17"/>
      <c r="C33" s="13">
        <v>2882</v>
      </c>
      <c r="D33" s="19">
        <v>1427</v>
      </c>
      <c r="E33" s="19">
        <v>1455</v>
      </c>
      <c r="F33" s="19"/>
      <c r="G33" s="18" t="s">
        <v>64</v>
      </c>
      <c r="H33" s="17"/>
      <c r="I33" s="13">
        <v>2558</v>
      </c>
      <c r="J33" s="19">
        <v>1158</v>
      </c>
      <c r="K33" s="19">
        <v>1400</v>
      </c>
    </row>
    <row r="34" spans="1:11" ht="15" customHeight="1">
      <c r="A34" s="17" t="s">
        <v>65</v>
      </c>
      <c r="B34" s="17"/>
      <c r="C34" s="13">
        <v>2762</v>
      </c>
      <c r="D34" s="19">
        <v>1368</v>
      </c>
      <c r="E34" s="19">
        <v>1394</v>
      </c>
      <c r="F34" s="19"/>
      <c r="G34" s="18" t="s">
        <v>66</v>
      </c>
      <c r="H34" s="17"/>
      <c r="I34" s="13">
        <v>3241</v>
      </c>
      <c r="J34" s="19">
        <v>1503</v>
      </c>
      <c r="K34" s="19">
        <v>1738</v>
      </c>
    </row>
    <row r="35" spans="1:11" ht="20.100000000000001" customHeight="1">
      <c r="A35" s="17" t="s">
        <v>67</v>
      </c>
      <c r="B35" s="17"/>
      <c r="C35" s="13">
        <v>12805</v>
      </c>
      <c r="D35" s="14">
        <v>6399</v>
      </c>
      <c r="E35" s="14">
        <v>6406</v>
      </c>
      <c r="F35" s="14"/>
      <c r="G35" s="18" t="s">
        <v>68</v>
      </c>
      <c r="H35" s="17"/>
      <c r="I35" s="13">
        <v>15213</v>
      </c>
      <c r="J35" s="14">
        <v>6748</v>
      </c>
      <c r="K35" s="14">
        <v>8465</v>
      </c>
    </row>
    <row r="36" spans="1:11" ht="15" customHeight="1">
      <c r="A36" s="17" t="s">
        <v>69</v>
      </c>
      <c r="B36" s="17"/>
      <c r="C36" s="13">
        <v>2565</v>
      </c>
      <c r="D36" s="19">
        <v>1305</v>
      </c>
      <c r="E36" s="19">
        <v>1260</v>
      </c>
      <c r="F36" s="19"/>
      <c r="G36" s="18" t="s">
        <v>70</v>
      </c>
      <c r="H36" s="17"/>
      <c r="I36" s="13">
        <v>3260</v>
      </c>
      <c r="J36" s="19">
        <v>1456</v>
      </c>
      <c r="K36" s="19">
        <v>1804</v>
      </c>
    </row>
    <row r="37" spans="1:11" ht="15" customHeight="1">
      <c r="A37" s="17" t="s">
        <v>71</v>
      </c>
      <c r="B37" s="17"/>
      <c r="C37" s="13">
        <v>2562</v>
      </c>
      <c r="D37" s="19">
        <v>1250</v>
      </c>
      <c r="E37" s="19">
        <v>1312</v>
      </c>
      <c r="F37" s="19"/>
      <c r="G37" s="18" t="s">
        <v>72</v>
      </c>
      <c r="H37" s="17"/>
      <c r="I37" s="13">
        <v>3277</v>
      </c>
      <c r="J37" s="19">
        <v>1463</v>
      </c>
      <c r="K37" s="19">
        <v>1814</v>
      </c>
    </row>
    <row r="38" spans="1:11" ht="15" customHeight="1">
      <c r="A38" s="17" t="s">
        <v>73</v>
      </c>
      <c r="B38" s="17"/>
      <c r="C38" s="13">
        <v>2577</v>
      </c>
      <c r="D38" s="19">
        <v>1310</v>
      </c>
      <c r="E38" s="19">
        <v>1267</v>
      </c>
      <c r="F38" s="19"/>
      <c r="G38" s="18" t="s">
        <v>74</v>
      </c>
      <c r="H38" s="17"/>
      <c r="I38" s="13">
        <v>3223</v>
      </c>
      <c r="J38" s="19">
        <v>1406</v>
      </c>
      <c r="K38" s="19">
        <v>1817</v>
      </c>
    </row>
    <row r="39" spans="1:11" ht="15" customHeight="1">
      <c r="A39" s="17" t="s">
        <v>75</v>
      </c>
      <c r="B39" s="17"/>
      <c r="C39" s="13">
        <v>2546</v>
      </c>
      <c r="D39" s="19">
        <v>1244</v>
      </c>
      <c r="E39" s="19">
        <v>1302</v>
      </c>
      <c r="F39" s="19"/>
      <c r="G39" s="18" t="s">
        <v>76</v>
      </c>
      <c r="H39" s="17"/>
      <c r="I39" s="13">
        <v>2885</v>
      </c>
      <c r="J39" s="19">
        <v>1267</v>
      </c>
      <c r="K39" s="19">
        <v>1618</v>
      </c>
    </row>
    <row r="40" spans="1:11" ht="15" customHeight="1">
      <c r="A40" s="17" t="s">
        <v>77</v>
      </c>
      <c r="B40" s="17"/>
      <c r="C40" s="13">
        <v>2555</v>
      </c>
      <c r="D40" s="19">
        <v>1290</v>
      </c>
      <c r="E40" s="19">
        <v>1265</v>
      </c>
      <c r="F40" s="19"/>
      <c r="G40" s="18" t="s">
        <v>78</v>
      </c>
      <c r="H40" s="17"/>
      <c r="I40" s="13">
        <v>2568</v>
      </c>
      <c r="J40" s="19">
        <v>1156</v>
      </c>
      <c r="K40" s="19">
        <v>1412</v>
      </c>
    </row>
    <row r="41" spans="1:11" ht="20.100000000000001" customHeight="1">
      <c r="A41" s="17" t="s">
        <v>79</v>
      </c>
      <c r="B41" s="17"/>
      <c r="C41" s="13">
        <v>15281</v>
      </c>
      <c r="D41" s="14">
        <v>7604</v>
      </c>
      <c r="E41" s="14">
        <v>7677</v>
      </c>
      <c r="F41" s="14"/>
      <c r="G41" s="18" t="s">
        <v>80</v>
      </c>
      <c r="H41" s="17"/>
      <c r="I41" s="13">
        <v>10961</v>
      </c>
      <c r="J41" s="14">
        <v>4820</v>
      </c>
      <c r="K41" s="14">
        <v>6141</v>
      </c>
    </row>
    <row r="42" spans="1:11" ht="15" customHeight="1">
      <c r="A42" s="17" t="s">
        <v>81</v>
      </c>
      <c r="B42" s="17"/>
      <c r="C42" s="13">
        <v>2821</v>
      </c>
      <c r="D42" s="19">
        <v>1347</v>
      </c>
      <c r="E42" s="19">
        <v>1474</v>
      </c>
      <c r="F42" s="19"/>
      <c r="G42" s="18" t="s">
        <v>82</v>
      </c>
      <c r="H42" s="17"/>
      <c r="I42" s="13">
        <v>2345</v>
      </c>
      <c r="J42" s="19">
        <v>1099</v>
      </c>
      <c r="K42" s="19">
        <v>1246</v>
      </c>
    </row>
    <row r="43" spans="1:11" ht="15" customHeight="1">
      <c r="A43" s="17" t="s">
        <v>83</v>
      </c>
      <c r="B43" s="17"/>
      <c r="C43" s="13">
        <v>2966</v>
      </c>
      <c r="D43" s="19">
        <v>1496</v>
      </c>
      <c r="E43" s="19">
        <v>1470</v>
      </c>
      <c r="F43" s="19"/>
      <c r="G43" s="18" t="s">
        <v>84</v>
      </c>
      <c r="H43" s="17"/>
      <c r="I43" s="13">
        <v>2435</v>
      </c>
      <c r="J43" s="19">
        <v>1070</v>
      </c>
      <c r="K43" s="19">
        <v>1365</v>
      </c>
    </row>
    <row r="44" spans="1:11" ht="15" customHeight="1">
      <c r="A44" s="17" t="s">
        <v>85</v>
      </c>
      <c r="B44" s="17"/>
      <c r="C44" s="13">
        <v>2948</v>
      </c>
      <c r="D44" s="19">
        <v>1468</v>
      </c>
      <c r="E44" s="19">
        <v>1480</v>
      </c>
      <c r="F44" s="19"/>
      <c r="G44" s="18" t="s">
        <v>86</v>
      </c>
      <c r="H44" s="17"/>
      <c r="I44" s="13">
        <v>2267</v>
      </c>
      <c r="J44" s="19">
        <v>979</v>
      </c>
      <c r="K44" s="19">
        <v>1288</v>
      </c>
    </row>
    <row r="45" spans="1:11" ht="15" customHeight="1">
      <c r="A45" s="17" t="s">
        <v>87</v>
      </c>
      <c r="B45" s="17"/>
      <c r="C45" s="13">
        <v>3246</v>
      </c>
      <c r="D45" s="19">
        <v>1642</v>
      </c>
      <c r="E45" s="19">
        <v>1604</v>
      </c>
      <c r="F45" s="19"/>
      <c r="G45" s="18" t="s">
        <v>88</v>
      </c>
      <c r="H45" s="17"/>
      <c r="I45" s="13">
        <v>2196</v>
      </c>
      <c r="J45" s="19">
        <v>933</v>
      </c>
      <c r="K45" s="19">
        <v>1263</v>
      </c>
    </row>
    <row r="46" spans="1:11" ht="15" customHeight="1">
      <c r="A46" s="17" t="s">
        <v>89</v>
      </c>
      <c r="B46" s="17"/>
      <c r="C46" s="13">
        <v>3300</v>
      </c>
      <c r="D46" s="19">
        <v>1651</v>
      </c>
      <c r="E46" s="19">
        <v>1649</v>
      </c>
      <c r="F46" s="19"/>
      <c r="G46" s="18" t="s">
        <v>90</v>
      </c>
      <c r="H46" s="17"/>
      <c r="I46" s="13">
        <v>1718</v>
      </c>
      <c r="J46" s="19">
        <v>739</v>
      </c>
      <c r="K46" s="19">
        <v>979</v>
      </c>
    </row>
    <row r="47" spans="1:11" ht="20.100000000000001" customHeight="1">
      <c r="A47" s="17" t="s">
        <v>91</v>
      </c>
      <c r="B47" s="17"/>
      <c r="C47" s="13">
        <v>17431</v>
      </c>
      <c r="D47" s="14">
        <v>8789</v>
      </c>
      <c r="E47" s="14">
        <v>8642</v>
      </c>
      <c r="F47" s="14"/>
      <c r="G47" s="18" t="s">
        <v>92</v>
      </c>
      <c r="H47" s="17"/>
      <c r="I47" s="13">
        <v>6353</v>
      </c>
      <c r="J47" s="14">
        <v>2411</v>
      </c>
      <c r="K47" s="14">
        <v>3942</v>
      </c>
    </row>
    <row r="48" spans="1:11" ht="15" customHeight="1">
      <c r="A48" s="17" t="s">
        <v>93</v>
      </c>
      <c r="B48" s="17"/>
      <c r="C48" s="13">
        <v>3246</v>
      </c>
      <c r="D48" s="19">
        <v>1638</v>
      </c>
      <c r="E48" s="19">
        <v>1608</v>
      </c>
      <c r="F48" s="19"/>
      <c r="G48" s="18" t="s">
        <v>94</v>
      </c>
      <c r="H48" s="17"/>
      <c r="I48" s="13">
        <v>1685</v>
      </c>
      <c r="J48" s="19">
        <v>693</v>
      </c>
      <c r="K48" s="19">
        <v>992</v>
      </c>
    </row>
    <row r="49" spans="1:11" ht="15" customHeight="1">
      <c r="A49" s="17" t="s">
        <v>95</v>
      </c>
      <c r="B49" s="17"/>
      <c r="C49" s="13">
        <v>3381</v>
      </c>
      <c r="D49" s="19">
        <v>1700</v>
      </c>
      <c r="E49" s="19">
        <v>1681</v>
      </c>
      <c r="F49" s="19"/>
      <c r="G49" s="18" t="s">
        <v>96</v>
      </c>
      <c r="H49" s="17"/>
      <c r="I49" s="13">
        <v>1467</v>
      </c>
      <c r="J49" s="19">
        <v>608</v>
      </c>
      <c r="K49" s="19">
        <v>859</v>
      </c>
    </row>
    <row r="50" spans="1:11" ht="15" customHeight="1">
      <c r="A50" s="17" t="s">
        <v>97</v>
      </c>
      <c r="B50" s="17"/>
      <c r="C50" s="13">
        <v>3411</v>
      </c>
      <c r="D50" s="19">
        <v>1739</v>
      </c>
      <c r="E50" s="19">
        <v>1672</v>
      </c>
      <c r="F50" s="19"/>
      <c r="G50" s="18" t="s">
        <v>98</v>
      </c>
      <c r="H50" s="17"/>
      <c r="I50" s="13">
        <v>1215</v>
      </c>
      <c r="J50" s="19">
        <v>445</v>
      </c>
      <c r="K50" s="19">
        <v>770</v>
      </c>
    </row>
    <row r="51" spans="1:11" ht="15" customHeight="1">
      <c r="A51" s="17" t="s">
        <v>99</v>
      </c>
      <c r="B51" s="17"/>
      <c r="C51" s="13">
        <v>3636</v>
      </c>
      <c r="D51" s="19">
        <v>1826</v>
      </c>
      <c r="E51" s="19">
        <v>1810</v>
      </c>
      <c r="F51" s="19"/>
      <c r="G51" s="18" t="s">
        <v>100</v>
      </c>
      <c r="H51" s="17"/>
      <c r="I51" s="13">
        <v>1080</v>
      </c>
      <c r="J51" s="19">
        <v>361</v>
      </c>
      <c r="K51" s="19">
        <v>719</v>
      </c>
    </row>
    <row r="52" spans="1:11" ht="15" customHeight="1">
      <c r="A52" s="17" t="s">
        <v>101</v>
      </c>
      <c r="B52" s="17"/>
      <c r="C52" s="13">
        <v>3757</v>
      </c>
      <c r="D52" s="19">
        <v>1886</v>
      </c>
      <c r="E52" s="19">
        <v>1871</v>
      </c>
      <c r="F52" s="19"/>
      <c r="G52" s="18" t="s">
        <v>102</v>
      </c>
      <c r="H52" s="17"/>
      <c r="I52" s="13">
        <v>906</v>
      </c>
      <c r="J52" s="19">
        <v>304</v>
      </c>
      <c r="K52" s="19">
        <v>602</v>
      </c>
    </row>
    <row r="53" spans="1:11" ht="20.100000000000001" customHeight="1">
      <c r="A53" s="17" t="s">
        <v>103</v>
      </c>
      <c r="B53" s="17"/>
      <c r="C53" s="13">
        <v>21692</v>
      </c>
      <c r="D53" s="14">
        <v>11010</v>
      </c>
      <c r="E53" s="14">
        <v>10682</v>
      </c>
      <c r="F53" s="14"/>
      <c r="G53" s="18" t="s">
        <v>104</v>
      </c>
      <c r="H53" s="17"/>
      <c r="I53" s="13">
        <v>2854</v>
      </c>
      <c r="J53" s="14">
        <v>842</v>
      </c>
      <c r="K53" s="14">
        <v>2012</v>
      </c>
    </row>
    <row r="54" spans="1:11" ht="15" customHeight="1">
      <c r="A54" s="17" t="s">
        <v>105</v>
      </c>
      <c r="B54" s="17"/>
      <c r="C54" s="13">
        <v>3878</v>
      </c>
      <c r="D54" s="19">
        <v>2010</v>
      </c>
      <c r="E54" s="19">
        <v>1868</v>
      </c>
      <c r="F54" s="19"/>
      <c r="G54" s="18" t="s">
        <v>106</v>
      </c>
      <c r="H54" s="17"/>
      <c r="I54" s="13">
        <v>807</v>
      </c>
      <c r="J54" s="19">
        <v>256</v>
      </c>
      <c r="K54" s="19">
        <v>551</v>
      </c>
    </row>
    <row r="55" spans="1:11" ht="15" customHeight="1">
      <c r="A55" s="17" t="s">
        <v>107</v>
      </c>
      <c r="B55" s="17"/>
      <c r="C55" s="13">
        <v>4099</v>
      </c>
      <c r="D55" s="19">
        <v>2087</v>
      </c>
      <c r="E55" s="19">
        <v>2012</v>
      </c>
      <c r="F55" s="19"/>
      <c r="G55" s="18" t="s">
        <v>108</v>
      </c>
      <c r="H55" s="17"/>
      <c r="I55" s="13">
        <v>647</v>
      </c>
      <c r="J55" s="19">
        <v>218</v>
      </c>
      <c r="K55" s="19">
        <v>429</v>
      </c>
    </row>
    <row r="56" spans="1:11" ht="15" customHeight="1">
      <c r="A56" s="17" t="s">
        <v>109</v>
      </c>
      <c r="B56" s="17"/>
      <c r="C56" s="13">
        <v>4420</v>
      </c>
      <c r="D56" s="19">
        <v>2226</v>
      </c>
      <c r="E56" s="19">
        <v>2194</v>
      </c>
      <c r="F56" s="19"/>
      <c r="G56" s="18" t="s">
        <v>110</v>
      </c>
      <c r="H56" s="17"/>
      <c r="I56" s="13">
        <v>570</v>
      </c>
      <c r="J56" s="19">
        <v>151</v>
      </c>
      <c r="K56" s="19">
        <v>419</v>
      </c>
    </row>
    <row r="57" spans="1:11" ht="15" customHeight="1">
      <c r="A57" s="17" t="s">
        <v>111</v>
      </c>
      <c r="B57" s="17"/>
      <c r="C57" s="13">
        <v>4555</v>
      </c>
      <c r="D57" s="19">
        <v>2302</v>
      </c>
      <c r="E57" s="19">
        <v>2253</v>
      </c>
      <c r="F57" s="19"/>
      <c r="G57" s="18" t="s">
        <v>112</v>
      </c>
      <c r="H57" s="17"/>
      <c r="I57" s="13">
        <v>482</v>
      </c>
      <c r="J57" s="19">
        <v>132</v>
      </c>
      <c r="K57" s="19">
        <v>350</v>
      </c>
    </row>
    <row r="58" spans="1:11" ht="15" customHeight="1">
      <c r="A58" s="17" t="s">
        <v>113</v>
      </c>
      <c r="B58" s="17"/>
      <c r="C58" s="13">
        <v>4740</v>
      </c>
      <c r="D58" s="19">
        <v>2385</v>
      </c>
      <c r="E58" s="19">
        <v>2355</v>
      </c>
      <c r="F58" s="19"/>
      <c r="G58" s="18" t="s">
        <v>114</v>
      </c>
      <c r="H58" s="17"/>
      <c r="I58" s="13">
        <v>348</v>
      </c>
      <c r="J58" s="19">
        <v>85</v>
      </c>
      <c r="K58" s="19">
        <v>263</v>
      </c>
    </row>
    <row r="59" spans="1:11" ht="20.100000000000001" customHeight="1">
      <c r="A59" s="17" t="s">
        <v>115</v>
      </c>
      <c r="B59" s="17"/>
      <c r="C59" s="13">
        <v>24300</v>
      </c>
      <c r="D59" s="14">
        <v>12230</v>
      </c>
      <c r="E59" s="14">
        <v>12070</v>
      </c>
      <c r="F59" s="14"/>
      <c r="G59" s="18" t="s">
        <v>116</v>
      </c>
      <c r="H59" s="17"/>
      <c r="I59" s="13">
        <v>704</v>
      </c>
      <c r="J59" s="14">
        <v>134</v>
      </c>
      <c r="K59" s="14">
        <v>570</v>
      </c>
    </row>
    <row r="60" spans="1:11" ht="15" customHeight="1">
      <c r="A60" s="17" t="s">
        <v>117</v>
      </c>
      <c r="B60" s="17"/>
      <c r="C60" s="13">
        <v>4973</v>
      </c>
      <c r="D60" s="19">
        <v>2483</v>
      </c>
      <c r="E60" s="19">
        <v>2490</v>
      </c>
      <c r="F60" s="19"/>
      <c r="G60" s="18" t="s">
        <v>118</v>
      </c>
      <c r="H60" s="17"/>
      <c r="I60" s="13">
        <v>242</v>
      </c>
      <c r="J60" s="19">
        <v>54</v>
      </c>
      <c r="K60" s="19">
        <v>188</v>
      </c>
    </row>
    <row r="61" spans="1:11" ht="15" customHeight="1">
      <c r="A61" s="17" t="s">
        <v>119</v>
      </c>
      <c r="B61" s="17"/>
      <c r="C61" s="13">
        <v>4883</v>
      </c>
      <c r="D61" s="19">
        <v>2474</v>
      </c>
      <c r="E61" s="19">
        <v>2409</v>
      </c>
      <c r="F61" s="19"/>
      <c r="G61" s="18" t="s">
        <v>120</v>
      </c>
      <c r="H61" s="17"/>
      <c r="I61" s="13">
        <v>187</v>
      </c>
      <c r="J61" s="19">
        <v>33</v>
      </c>
      <c r="K61" s="19">
        <v>154</v>
      </c>
    </row>
    <row r="62" spans="1:11" ht="15" customHeight="1">
      <c r="A62" s="17" t="s">
        <v>121</v>
      </c>
      <c r="B62" s="17"/>
      <c r="C62" s="13">
        <v>4825</v>
      </c>
      <c r="D62" s="19">
        <v>2375</v>
      </c>
      <c r="E62" s="19">
        <v>2450</v>
      </c>
      <c r="F62" s="19"/>
      <c r="G62" s="18" t="s">
        <v>122</v>
      </c>
      <c r="H62" s="17"/>
      <c r="I62" s="13">
        <v>126</v>
      </c>
      <c r="J62" s="19">
        <v>29</v>
      </c>
      <c r="K62" s="19">
        <v>97</v>
      </c>
    </row>
    <row r="63" spans="1:11" ht="15" customHeight="1">
      <c r="A63" s="17" t="s">
        <v>123</v>
      </c>
      <c r="B63" s="17"/>
      <c r="C63" s="13">
        <v>4874</v>
      </c>
      <c r="D63" s="19">
        <v>2436</v>
      </c>
      <c r="E63" s="19">
        <v>2438</v>
      </c>
      <c r="F63" s="19"/>
      <c r="G63" s="18" t="s">
        <v>124</v>
      </c>
      <c r="H63" s="17"/>
      <c r="I63" s="13">
        <v>89</v>
      </c>
      <c r="J63" s="19">
        <v>12</v>
      </c>
      <c r="K63" s="19">
        <v>77</v>
      </c>
    </row>
    <row r="64" spans="1:11" ht="15" customHeight="1">
      <c r="A64" s="17" t="s">
        <v>125</v>
      </c>
      <c r="B64" s="17"/>
      <c r="C64" s="13">
        <v>4745</v>
      </c>
      <c r="D64" s="19">
        <v>2462</v>
      </c>
      <c r="E64" s="19">
        <v>2283</v>
      </c>
      <c r="F64" s="19"/>
      <c r="G64" s="18" t="s">
        <v>126</v>
      </c>
      <c r="H64" s="17"/>
      <c r="I64" s="13">
        <v>60</v>
      </c>
      <c r="J64" s="19">
        <v>6</v>
      </c>
      <c r="K64" s="19">
        <v>5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5</v>
      </c>
      <c r="J65" s="19">
        <v>16</v>
      </c>
      <c r="K65" s="19">
        <v>9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127</v>
      </c>
      <c r="J66" s="29">
        <v>630</v>
      </c>
      <c r="K66" s="29">
        <v>497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2" pageOrder="overThenDown" orientation="portrait" blackAndWhite="1" useFirstPageNumber="1" horizontalDpi="300" verticalDpi="300"/>
  <headerFooter scaleWithDoc="0"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13891</v>
      </c>
      <c r="D4" s="14">
        <v>104894</v>
      </c>
      <c r="E4" s="14">
        <v>10899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993</v>
      </c>
      <c r="D5" s="14">
        <v>3583</v>
      </c>
      <c r="E5" s="14">
        <v>3410</v>
      </c>
      <c r="F5" s="14"/>
      <c r="G5" s="18" t="s">
        <v>8</v>
      </c>
      <c r="H5" s="17"/>
      <c r="I5" s="13">
        <v>16409</v>
      </c>
      <c r="J5" s="14">
        <v>8364</v>
      </c>
      <c r="K5" s="14">
        <v>8045</v>
      </c>
    </row>
    <row r="6" spans="1:11" ht="15" customHeight="1">
      <c r="A6" s="17" t="s">
        <v>9</v>
      </c>
      <c r="B6" s="17"/>
      <c r="C6" s="13">
        <v>1354</v>
      </c>
      <c r="D6" s="19">
        <v>693</v>
      </c>
      <c r="E6" s="19">
        <v>661</v>
      </c>
      <c r="F6" s="19"/>
      <c r="G6" s="18" t="s">
        <v>10</v>
      </c>
      <c r="H6" s="17"/>
      <c r="I6" s="13">
        <v>3461</v>
      </c>
      <c r="J6" s="19">
        <v>1761</v>
      </c>
      <c r="K6" s="19">
        <v>1700</v>
      </c>
    </row>
    <row r="7" spans="1:11" ht="15" customHeight="1">
      <c r="A7" s="17" t="s">
        <v>11</v>
      </c>
      <c r="B7" s="17"/>
      <c r="C7" s="13">
        <v>1437</v>
      </c>
      <c r="D7" s="19">
        <v>724</v>
      </c>
      <c r="E7" s="19">
        <v>713</v>
      </c>
      <c r="F7" s="19"/>
      <c r="G7" s="18" t="s">
        <v>12</v>
      </c>
      <c r="H7" s="17"/>
      <c r="I7" s="13">
        <v>3724</v>
      </c>
      <c r="J7" s="19">
        <v>1937</v>
      </c>
      <c r="K7" s="19">
        <v>1787</v>
      </c>
    </row>
    <row r="8" spans="1:11" ht="15" customHeight="1">
      <c r="A8" s="17" t="s">
        <v>13</v>
      </c>
      <c r="B8" s="17"/>
      <c r="C8" s="13">
        <v>1352</v>
      </c>
      <c r="D8" s="19">
        <v>685</v>
      </c>
      <c r="E8" s="19">
        <v>667</v>
      </c>
      <c r="F8" s="19"/>
      <c r="G8" s="18" t="s">
        <v>14</v>
      </c>
      <c r="H8" s="17"/>
      <c r="I8" s="13">
        <v>2630</v>
      </c>
      <c r="J8" s="19">
        <v>1332</v>
      </c>
      <c r="K8" s="19">
        <v>1298</v>
      </c>
    </row>
    <row r="9" spans="1:11" ht="15" customHeight="1">
      <c r="A9" s="17" t="s">
        <v>15</v>
      </c>
      <c r="B9" s="17"/>
      <c r="C9" s="13">
        <v>1358</v>
      </c>
      <c r="D9" s="19">
        <v>689</v>
      </c>
      <c r="E9" s="19">
        <v>669</v>
      </c>
      <c r="F9" s="19"/>
      <c r="G9" s="18" t="s">
        <v>16</v>
      </c>
      <c r="H9" s="17"/>
      <c r="I9" s="13">
        <v>3407</v>
      </c>
      <c r="J9" s="19">
        <v>1690</v>
      </c>
      <c r="K9" s="19">
        <v>1717</v>
      </c>
    </row>
    <row r="10" spans="1:11" ht="15" customHeight="1">
      <c r="A10" s="17" t="s">
        <v>17</v>
      </c>
      <c r="B10" s="17"/>
      <c r="C10" s="13">
        <v>1492</v>
      </c>
      <c r="D10" s="19">
        <v>792</v>
      </c>
      <c r="E10" s="19">
        <v>700</v>
      </c>
      <c r="F10" s="19"/>
      <c r="G10" s="18" t="s">
        <v>18</v>
      </c>
      <c r="H10" s="17"/>
      <c r="I10" s="13">
        <v>3187</v>
      </c>
      <c r="J10" s="19">
        <v>1644</v>
      </c>
      <c r="K10" s="19">
        <v>1543</v>
      </c>
    </row>
    <row r="11" spans="1:11" ht="20.100000000000001" customHeight="1">
      <c r="A11" s="17" t="s">
        <v>19</v>
      </c>
      <c r="B11" s="17"/>
      <c r="C11" s="13">
        <v>8389</v>
      </c>
      <c r="D11" s="14">
        <v>4284</v>
      </c>
      <c r="E11" s="14">
        <v>4105</v>
      </c>
      <c r="F11" s="14"/>
      <c r="G11" s="18" t="s">
        <v>20</v>
      </c>
      <c r="H11" s="17"/>
      <c r="I11" s="13">
        <v>13677</v>
      </c>
      <c r="J11" s="14">
        <v>6909</v>
      </c>
      <c r="K11" s="14">
        <v>6768</v>
      </c>
    </row>
    <row r="12" spans="1:11" ht="15" customHeight="1">
      <c r="A12" s="17" t="s">
        <v>21</v>
      </c>
      <c r="B12" s="17"/>
      <c r="C12" s="13">
        <v>1603</v>
      </c>
      <c r="D12" s="19">
        <v>809</v>
      </c>
      <c r="E12" s="19">
        <v>794</v>
      </c>
      <c r="F12" s="19"/>
      <c r="G12" s="18" t="s">
        <v>22</v>
      </c>
      <c r="H12" s="17"/>
      <c r="I12" s="13">
        <v>2953</v>
      </c>
      <c r="J12" s="19">
        <v>1508</v>
      </c>
      <c r="K12" s="19">
        <v>1445</v>
      </c>
    </row>
    <row r="13" spans="1:11" ht="15" customHeight="1">
      <c r="A13" s="17" t="s">
        <v>23</v>
      </c>
      <c r="B13" s="17"/>
      <c r="C13" s="13">
        <v>1642</v>
      </c>
      <c r="D13" s="19">
        <v>858</v>
      </c>
      <c r="E13" s="19">
        <v>784</v>
      </c>
      <c r="F13" s="19"/>
      <c r="G13" s="18" t="s">
        <v>24</v>
      </c>
      <c r="H13" s="17"/>
      <c r="I13" s="13">
        <v>2808</v>
      </c>
      <c r="J13" s="19">
        <v>1426</v>
      </c>
      <c r="K13" s="19">
        <v>1382</v>
      </c>
    </row>
    <row r="14" spans="1:11" ht="15" customHeight="1">
      <c r="A14" s="17" t="s">
        <v>25</v>
      </c>
      <c r="B14" s="17"/>
      <c r="C14" s="13">
        <v>1641</v>
      </c>
      <c r="D14" s="19">
        <v>845</v>
      </c>
      <c r="E14" s="19">
        <v>796</v>
      </c>
      <c r="F14" s="19"/>
      <c r="G14" s="18" t="s">
        <v>26</v>
      </c>
      <c r="H14" s="17"/>
      <c r="I14" s="13">
        <v>2709</v>
      </c>
      <c r="J14" s="19">
        <v>1378</v>
      </c>
      <c r="K14" s="19">
        <v>1331</v>
      </c>
    </row>
    <row r="15" spans="1:11" ht="15" customHeight="1">
      <c r="A15" s="17" t="s">
        <v>27</v>
      </c>
      <c r="B15" s="17"/>
      <c r="C15" s="13">
        <v>1713</v>
      </c>
      <c r="D15" s="19">
        <v>850</v>
      </c>
      <c r="E15" s="19">
        <v>863</v>
      </c>
      <c r="F15" s="19"/>
      <c r="G15" s="18" t="s">
        <v>28</v>
      </c>
      <c r="H15" s="17"/>
      <c r="I15" s="13">
        <v>2621</v>
      </c>
      <c r="J15" s="19">
        <v>1315</v>
      </c>
      <c r="K15" s="19">
        <v>1306</v>
      </c>
    </row>
    <row r="16" spans="1:11" ht="15" customHeight="1">
      <c r="A16" s="17" t="s">
        <v>29</v>
      </c>
      <c r="B16" s="17"/>
      <c r="C16" s="13">
        <v>1790</v>
      </c>
      <c r="D16" s="19">
        <v>922</v>
      </c>
      <c r="E16" s="19">
        <v>868</v>
      </c>
      <c r="F16" s="19"/>
      <c r="G16" s="18" t="s">
        <v>30</v>
      </c>
      <c r="H16" s="17"/>
      <c r="I16" s="13">
        <v>2586</v>
      </c>
      <c r="J16" s="19">
        <v>1282</v>
      </c>
      <c r="K16" s="19">
        <v>1304</v>
      </c>
    </row>
    <row r="17" spans="1:11" ht="20.100000000000001" customHeight="1">
      <c r="A17" s="20" t="s">
        <v>31</v>
      </c>
      <c r="B17" s="20"/>
      <c r="C17" s="13">
        <v>8831</v>
      </c>
      <c r="D17" s="14">
        <v>4551</v>
      </c>
      <c r="E17" s="14">
        <v>4280</v>
      </c>
      <c r="F17" s="14"/>
      <c r="G17" s="18" t="s">
        <v>32</v>
      </c>
      <c r="H17" s="17"/>
      <c r="I17" s="13">
        <v>12056</v>
      </c>
      <c r="J17" s="14">
        <v>5925</v>
      </c>
      <c r="K17" s="14">
        <v>6131</v>
      </c>
    </row>
    <row r="18" spans="1:11" ht="15" customHeight="1">
      <c r="A18" s="17" t="s">
        <v>33</v>
      </c>
      <c r="B18" s="17"/>
      <c r="C18" s="13">
        <v>1722</v>
      </c>
      <c r="D18" s="19">
        <v>896</v>
      </c>
      <c r="E18" s="19">
        <v>826</v>
      </c>
      <c r="F18" s="19"/>
      <c r="G18" s="18" t="s">
        <v>34</v>
      </c>
      <c r="H18" s="17"/>
      <c r="I18" s="13">
        <v>2519</v>
      </c>
      <c r="J18" s="19">
        <v>1266</v>
      </c>
      <c r="K18" s="19">
        <v>1253</v>
      </c>
    </row>
    <row r="19" spans="1:11" ht="15" customHeight="1">
      <c r="A19" s="17" t="s">
        <v>35</v>
      </c>
      <c r="B19" s="17"/>
      <c r="C19" s="13">
        <v>1691</v>
      </c>
      <c r="D19" s="19">
        <v>867</v>
      </c>
      <c r="E19" s="19">
        <v>824</v>
      </c>
      <c r="F19" s="19"/>
      <c r="G19" s="18" t="s">
        <v>36</v>
      </c>
      <c r="H19" s="17"/>
      <c r="I19" s="13">
        <v>2348</v>
      </c>
      <c r="J19" s="19">
        <v>1147</v>
      </c>
      <c r="K19" s="19">
        <v>1201</v>
      </c>
    </row>
    <row r="20" spans="1:11" ht="15" customHeight="1">
      <c r="A20" s="17" t="s">
        <v>37</v>
      </c>
      <c r="B20" s="17"/>
      <c r="C20" s="13">
        <v>1806</v>
      </c>
      <c r="D20" s="19">
        <v>948</v>
      </c>
      <c r="E20" s="19">
        <v>858</v>
      </c>
      <c r="F20" s="19"/>
      <c r="G20" s="18" t="s">
        <v>38</v>
      </c>
      <c r="H20" s="17"/>
      <c r="I20" s="13">
        <v>2295</v>
      </c>
      <c r="J20" s="19">
        <v>1164</v>
      </c>
      <c r="K20" s="19">
        <v>1131</v>
      </c>
    </row>
    <row r="21" spans="1:11" ht="15" customHeight="1">
      <c r="A21" s="17" t="s">
        <v>39</v>
      </c>
      <c r="B21" s="17"/>
      <c r="C21" s="13">
        <v>1670</v>
      </c>
      <c r="D21" s="19">
        <v>813</v>
      </c>
      <c r="E21" s="19">
        <v>857</v>
      </c>
      <c r="F21" s="19"/>
      <c r="G21" s="18" t="s">
        <v>40</v>
      </c>
      <c r="H21" s="17"/>
      <c r="I21" s="13">
        <v>2524</v>
      </c>
      <c r="J21" s="19">
        <v>1207</v>
      </c>
      <c r="K21" s="19">
        <v>1317</v>
      </c>
    </row>
    <row r="22" spans="1:11" ht="15" customHeight="1">
      <c r="A22" s="17" t="s">
        <v>41</v>
      </c>
      <c r="B22" s="17"/>
      <c r="C22" s="13">
        <v>1942</v>
      </c>
      <c r="D22" s="19">
        <v>1027</v>
      </c>
      <c r="E22" s="19">
        <v>915</v>
      </c>
      <c r="F22" s="19"/>
      <c r="G22" s="18" t="s">
        <v>42</v>
      </c>
      <c r="H22" s="17"/>
      <c r="I22" s="13">
        <v>2370</v>
      </c>
      <c r="J22" s="19">
        <v>1141</v>
      </c>
      <c r="K22" s="19">
        <v>1229</v>
      </c>
    </row>
    <row r="23" spans="1:11" ht="20.100000000000001" customHeight="1">
      <c r="A23" s="17" t="s">
        <v>43</v>
      </c>
      <c r="B23" s="17"/>
      <c r="C23" s="13">
        <v>9894</v>
      </c>
      <c r="D23" s="14">
        <v>4969</v>
      </c>
      <c r="E23" s="14">
        <v>4925</v>
      </c>
      <c r="F23" s="14"/>
      <c r="G23" s="18" t="s">
        <v>44</v>
      </c>
      <c r="H23" s="17"/>
      <c r="I23" s="13">
        <v>14709</v>
      </c>
      <c r="J23" s="14">
        <v>7100</v>
      </c>
      <c r="K23" s="14">
        <v>7609</v>
      </c>
    </row>
    <row r="24" spans="1:11" ht="15" customHeight="1">
      <c r="A24" s="17" t="s">
        <v>45</v>
      </c>
      <c r="B24" s="17"/>
      <c r="C24" s="13">
        <v>1875</v>
      </c>
      <c r="D24" s="19">
        <v>933</v>
      </c>
      <c r="E24" s="19">
        <v>942</v>
      </c>
      <c r="F24" s="19"/>
      <c r="G24" s="18" t="s">
        <v>46</v>
      </c>
      <c r="H24" s="17"/>
      <c r="I24" s="13">
        <v>2464</v>
      </c>
      <c r="J24" s="19">
        <v>1217</v>
      </c>
      <c r="K24" s="19">
        <v>1247</v>
      </c>
    </row>
    <row r="25" spans="1:11" ht="15" customHeight="1">
      <c r="A25" s="17" t="s">
        <v>47</v>
      </c>
      <c r="B25" s="17"/>
      <c r="C25" s="13">
        <v>1880</v>
      </c>
      <c r="D25" s="19">
        <v>923</v>
      </c>
      <c r="E25" s="19">
        <v>957</v>
      </c>
      <c r="F25" s="19"/>
      <c r="G25" s="18" t="s">
        <v>48</v>
      </c>
      <c r="H25" s="17"/>
      <c r="I25" s="13">
        <v>2673</v>
      </c>
      <c r="J25" s="19">
        <v>1274</v>
      </c>
      <c r="K25" s="19">
        <v>1399</v>
      </c>
    </row>
    <row r="26" spans="1:11" ht="15" customHeight="1">
      <c r="A26" s="17" t="s">
        <v>49</v>
      </c>
      <c r="B26" s="17"/>
      <c r="C26" s="13">
        <v>1990</v>
      </c>
      <c r="D26" s="19">
        <v>1005</v>
      </c>
      <c r="E26" s="19">
        <v>985</v>
      </c>
      <c r="F26" s="19"/>
      <c r="G26" s="18" t="s">
        <v>50</v>
      </c>
      <c r="H26" s="17"/>
      <c r="I26" s="13">
        <v>2893</v>
      </c>
      <c r="J26" s="19">
        <v>1444</v>
      </c>
      <c r="K26" s="19">
        <v>1449</v>
      </c>
    </row>
    <row r="27" spans="1:11" ht="15" customHeight="1">
      <c r="A27" s="17" t="s">
        <v>51</v>
      </c>
      <c r="B27" s="17"/>
      <c r="C27" s="13">
        <v>2069</v>
      </c>
      <c r="D27" s="19">
        <v>1062</v>
      </c>
      <c r="E27" s="19">
        <v>1007</v>
      </c>
      <c r="F27" s="19"/>
      <c r="G27" s="18" t="s">
        <v>52</v>
      </c>
      <c r="H27" s="17"/>
      <c r="I27" s="13">
        <v>3114</v>
      </c>
      <c r="J27" s="19">
        <v>1508</v>
      </c>
      <c r="K27" s="19">
        <v>1606</v>
      </c>
    </row>
    <row r="28" spans="1:11" ht="15" customHeight="1">
      <c r="A28" s="17" t="s">
        <v>53</v>
      </c>
      <c r="B28" s="17"/>
      <c r="C28" s="13">
        <v>2080</v>
      </c>
      <c r="D28" s="19">
        <v>1046</v>
      </c>
      <c r="E28" s="19">
        <v>1034</v>
      </c>
      <c r="F28" s="19"/>
      <c r="G28" s="18" t="s">
        <v>54</v>
      </c>
      <c r="H28" s="17"/>
      <c r="I28" s="13">
        <v>3565</v>
      </c>
      <c r="J28" s="19">
        <v>1657</v>
      </c>
      <c r="K28" s="19">
        <v>1908</v>
      </c>
    </row>
    <row r="29" spans="1:11" ht="20.100000000000001" customHeight="1">
      <c r="A29" s="17" t="s">
        <v>55</v>
      </c>
      <c r="B29" s="17"/>
      <c r="C29" s="13">
        <v>10512</v>
      </c>
      <c r="D29" s="14">
        <v>5381</v>
      </c>
      <c r="E29" s="14">
        <v>5131</v>
      </c>
      <c r="F29" s="14"/>
      <c r="G29" s="18" t="s">
        <v>56</v>
      </c>
      <c r="H29" s="17"/>
      <c r="I29" s="13">
        <v>14671</v>
      </c>
      <c r="J29" s="14">
        <v>6667</v>
      </c>
      <c r="K29" s="14">
        <v>8004</v>
      </c>
    </row>
    <row r="30" spans="1:11" ht="15" customHeight="1">
      <c r="A30" s="17" t="s">
        <v>57</v>
      </c>
      <c r="B30" s="17"/>
      <c r="C30" s="13">
        <v>2104</v>
      </c>
      <c r="D30" s="19">
        <v>1090</v>
      </c>
      <c r="E30" s="19">
        <v>1014</v>
      </c>
      <c r="F30" s="19"/>
      <c r="G30" s="18" t="s">
        <v>58</v>
      </c>
      <c r="H30" s="17"/>
      <c r="I30" s="13">
        <v>3564</v>
      </c>
      <c r="J30" s="19">
        <v>1654</v>
      </c>
      <c r="K30" s="19">
        <v>1910</v>
      </c>
    </row>
    <row r="31" spans="1:11" ht="15" customHeight="1">
      <c r="A31" s="17" t="s">
        <v>59</v>
      </c>
      <c r="B31" s="17"/>
      <c r="C31" s="13">
        <v>2109</v>
      </c>
      <c r="D31" s="19">
        <v>1170</v>
      </c>
      <c r="E31" s="19">
        <v>939</v>
      </c>
      <c r="F31" s="19"/>
      <c r="G31" s="18" t="s">
        <v>60</v>
      </c>
      <c r="H31" s="17"/>
      <c r="I31" s="13">
        <v>3582</v>
      </c>
      <c r="J31" s="19">
        <v>1648</v>
      </c>
      <c r="K31" s="19">
        <v>1934</v>
      </c>
    </row>
    <row r="32" spans="1:11" ht="15" customHeight="1">
      <c r="A32" s="17" t="s">
        <v>61</v>
      </c>
      <c r="B32" s="17"/>
      <c r="C32" s="13">
        <v>2151</v>
      </c>
      <c r="D32" s="19">
        <v>1099</v>
      </c>
      <c r="E32" s="19">
        <v>1052</v>
      </c>
      <c r="F32" s="19"/>
      <c r="G32" s="18" t="s">
        <v>62</v>
      </c>
      <c r="H32" s="17"/>
      <c r="I32" s="13">
        <v>2457</v>
      </c>
      <c r="J32" s="19">
        <v>1083</v>
      </c>
      <c r="K32" s="19">
        <v>1374</v>
      </c>
    </row>
    <row r="33" spans="1:11" ht="15" customHeight="1">
      <c r="A33" s="17" t="s">
        <v>63</v>
      </c>
      <c r="B33" s="17"/>
      <c r="C33" s="13">
        <v>2075</v>
      </c>
      <c r="D33" s="19">
        <v>996</v>
      </c>
      <c r="E33" s="19">
        <v>1079</v>
      </c>
      <c r="F33" s="19"/>
      <c r="G33" s="18" t="s">
        <v>64</v>
      </c>
      <c r="H33" s="17"/>
      <c r="I33" s="13">
        <v>2294</v>
      </c>
      <c r="J33" s="19">
        <v>1073</v>
      </c>
      <c r="K33" s="19">
        <v>1221</v>
      </c>
    </row>
    <row r="34" spans="1:11" ht="15" customHeight="1">
      <c r="A34" s="17" t="s">
        <v>65</v>
      </c>
      <c r="B34" s="17"/>
      <c r="C34" s="13">
        <v>2073</v>
      </c>
      <c r="D34" s="19">
        <v>1026</v>
      </c>
      <c r="E34" s="19">
        <v>1047</v>
      </c>
      <c r="F34" s="19"/>
      <c r="G34" s="18" t="s">
        <v>66</v>
      </c>
      <c r="H34" s="17"/>
      <c r="I34" s="13">
        <v>2774</v>
      </c>
      <c r="J34" s="19">
        <v>1209</v>
      </c>
      <c r="K34" s="19">
        <v>1565</v>
      </c>
    </row>
    <row r="35" spans="1:11" ht="20.100000000000001" customHeight="1">
      <c r="A35" s="17" t="s">
        <v>67</v>
      </c>
      <c r="B35" s="17"/>
      <c r="C35" s="13">
        <v>9520</v>
      </c>
      <c r="D35" s="14">
        <v>4783</v>
      </c>
      <c r="E35" s="14">
        <v>4737</v>
      </c>
      <c r="F35" s="14"/>
      <c r="G35" s="18" t="s">
        <v>68</v>
      </c>
      <c r="H35" s="17"/>
      <c r="I35" s="13">
        <v>13328</v>
      </c>
      <c r="J35" s="14">
        <v>5911</v>
      </c>
      <c r="K35" s="14">
        <v>7417</v>
      </c>
    </row>
    <row r="36" spans="1:11" ht="15" customHeight="1">
      <c r="A36" s="17" t="s">
        <v>69</v>
      </c>
      <c r="B36" s="17"/>
      <c r="C36" s="13">
        <v>1914</v>
      </c>
      <c r="D36" s="19">
        <v>915</v>
      </c>
      <c r="E36" s="19">
        <v>999</v>
      </c>
      <c r="F36" s="19"/>
      <c r="G36" s="18" t="s">
        <v>70</v>
      </c>
      <c r="H36" s="17"/>
      <c r="I36" s="13">
        <v>3034</v>
      </c>
      <c r="J36" s="19">
        <v>1359</v>
      </c>
      <c r="K36" s="19">
        <v>1675</v>
      </c>
    </row>
    <row r="37" spans="1:11" ht="15" customHeight="1">
      <c r="A37" s="17" t="s">
        <v>71</v>
      </c>
      <c r="B37" s="17"/>
      <c r="C37" s="13">
        <v>1839</v>
      </c>
      <c r="D37" s="19">
        <v>904</v>
      </c>
      <c r="E37" s="19">
        <v>935</v>
      </c>
      <c r="F37" s="19"/>
      <c r="G37" s="18" t="s">
        <v>72</v>
      </c>
      <c r="H37" s="17"/>
      <c r="I37" s="13">
        <v>2806</v>
      </c>
      <c r="J37" s="19">
        <v>1235</v>
      </c>
      <c r="K37" s="19">
        <v>1571</v>
      </c>
    </row>
    <row r="38" spans="1:11" ht="15" customHeight="1">
      <c r="A38" s="17" t="s">
        <v>73</v>
      </c>
      <c r="B38" s="17"/>
      <c r="C38" s="13">
        <v>1906</v>
      </c>
      <c r="D38" s="19">
        <v>969</v>
      </c>
      <c r="E38" s="19">
        <v>937</v>
      </c>
      <c r="F38" s="19"/>
      <c r="G38" s="18" t="s">
        <v>74</v>
      </c>
      <c r="H38" s="17"/>
      <c r="I38" s="13">
        <v>2851</v>
      </c>
      <c r="J38" s="19">
        <v>1233</v>
      </c>
      <c r="K38" s="19">
        <v>1618</v>
      </c>
    </row>
    <row r="39" spans="1:11" ht="15" customHeight="1">
      <c r="A39" s="17" t="s">
        <v>75</v>
      </c>
      <c r="B39" s="17"/>
      <c r="C39" s="13">
        <v>1868</v>
      </c>
      <c r="D39" s="19">
        <v>956</v>
      </c>
      <c r="E39" s="19">
        <v>912</v>
      </c>
      <c r="F39" s="19"/>
      <c r="G39" s="18" t="s">
        <v>76</v>
      </c>
      <c r="H39" s="17"/>
      <c r="I39" s="13">
        <v>2533</v>
      </c>
      <c r="J39" s="19">
        <v>1122</v>
      </c>
      <c r="K39" s="19">
        <v>1411</v>
      </c>
    </row>
    <row r="40" spans="1:11" ht="15" customHeight="1">
      <c r="A40" s="17" t="s">
        <v>77</v>
      </c>
      <c r="B40" s="17"/>
      <c r="C40" s="13">
        <v>1993</v>
      </c>
      <c r="D40" s="19">
        <v>1039</v>
      </c>
      <c r="E40" s="19">
        <v>954</v>
      </c>
      <c r="F40" s="19"/>
      <c r="G40" s="18" t="s">
        <v>78</v>
      </c>
      <c r="H40" s="17"/>
      <c r="I40" s="13">
        <v>2104</v>
      </c>
      <c r="J40" s="19">
        <v>962</v>
      </c>
      <c r="K40" s="19">
        <v>1142</v>
      </c>
    </row>
    <row r="41" spans="1:11" ht="20.100000000000001" customHeight="1">
      <c r="A41" s="17" t="s">
        <v>79</v>
      </c>
      <c r="B41" s="17"/>
      <c r="C41" s="13">
        <v>10471</v>
      </c>
      <c r="D41" s="14">
        <v>5411</v>
      </c>
      <c r="E41" s="14">
        <v>5060</v>
      </c>
      <c r="F41" s="14"/>
      <c r="G41" s="18" t="s">
        <v>80</v>
      </c>
      <c r="H41" s="17"/>
      <c r="I41" s="13">
        <v>9872</v>
      </c>
      <c r="J41" s="14">
        <v>4341</v>
      </c>
      <c r="K41" s="14">
        <v>5531</v>
      </c>
    </row>
    <row r="42" spans="1:11" ht="15" customHeight="1">
      <c r="A42" s="17" t="s">
        <v>81</v>
      </c>
      <c r="B42" s="17"/>
      <c r="C42" s="13">
        <v>2021</v>
      </c>
      <c r="D42" s="19">
        <v>1004</v>
      </c>
      <c r="E42" s="19">
        <v>1017</v>
      </c>
      <c r="F42" s="19"/>
      <c r="G42" s="18" t="s">
        <v>82</v>
      </c>
      <c r="H42" s="17"/>
      <c r="I42" s="13">
        <v>2140</v>
      </c>
      <c r="J42" s="19">
        <v>976</v>
      </c>
      <c r="K42" s="19">
        <v>1164</v>
      </c>
    </row>
    <row r="43" spans="1:11" ht="15" customHeight="1">
      <c r="A43" s="17" t="s">
        <v>83</v>
      </c>
      <c r="B43" s="17"/>
      <c r="C43" s="13">
        <v>2031</v>
      </c>
      <c r="D43" s="19">
        <v>1035</v>
      </c>
      <c r="E43" s="19">
        <v>996</v>
      </c>
      <c r="F43" s="19"/>
      <c r="G43" s="18" t="s">
        <v>84</v>
      </c>
      <c r="H43" s="17"/>
      <c r="I43" s="13">
        <v>2201</v>
      </c>
      <c r="J43" s="19">
        <v>988</v>
      </c>
      <c r="K43" s="19">
        <v>1213</v>
      </c>
    </row>
    <row r="44" spans="1:11" ht="15" customHeight="1">
      <c r="A44" s="17" t="s">
        <v>85</v>
      </c>
      <c r="B44" s="17"/>
      <c r="C44" s="13">
        <v>2035</v>
      </c>
      <c r="D44" s="19">
        <v>1100</v>
      </c>
      <c r="E44" s="19">
        <v>935</v>
      </c>
      <c r="F44" s="19"/>
      <c r="G44" s="18" t="s">
        <v>86</v>
      </c>
      <c r="H44" s="17"/>
      <c r="I44" s="13">
        <v>1987</v>
      </c>
      <c r="J44" s="19">
        <v>865</v>
      </c>
      <c r="K44" s="19">
        <v>1122</v>
      </c>
    </row>
    <row r="45" spans="1:11" ht="15" customHeight="1">
      <c r="A45" s="17" t="s">
        <v>87</v>
      </c>
      <c r="B45" s="17"/>
      <c r="C45" s="13">
        <v>2160</v>
      </c>
      <c r="D45" s="19">
        <v>1122</v>
      </c>
      <c r="E45" s="19">
        <v>1038</v>
      </c>
      <c r="F45" s="19"/>
      <c r="G45" s="18" t="s">
        <v>88</v>
      </c>
      <c r="H45" s="17"/>
      <c r="I45" s="13">
        <v>1979</v>
      </c>
      <c r="J45" s="19">
        <v>865</v>
      </c>
      <c r="K45" s="19">
        <v>1114</v>
      </c>
    </row>
    <row r="46" spans="1:11" ht="15" customHeight="1">
      <c r="A46" s="17" t="s">
        <v>89</v>
      </c>
      <c r="B46" s="17"/>
      <c r="C46" s="13">
        <v>2224</v>
      </c>
      <c r="D46" s="19">
        <v>1150</v>
      </c>
      <c r="E46" s="19">
        <v>1074</v>
      </c>
      <c r="F46" s="19"/>
      <c r="G46" s="18" t="s">
        <v>90</v>
      </c>
      <c r="H46" s="17"/>
      <c r="I46" s="13">
        <v>1565</v>
      </c>
      <c r="J46" s="19">
        <v>647</v>
      </c>
      <c r="K46" s="19">
        <v>918</v>
      </c>
    </row>
    <row r="47" spans="1:11" ht="20.100000000000001" customHeight="1">
      <c r="A47" s="17" t="s">
        <v>91</v>
      </c>
      <c r="B47" s="17"/>
      <c r="C47" s="13">
        <v>12264</v>
      </c>
      <c r="D47" s="14">
        <v>6293</v>
      </c>
      <c r="E47" s="14">
        <v>5971</v>
      </c>
      <c r="F47" s="14"/>
      <c r="G47" s="18" t="s">
        <v>92</v>
      </c>
      <c r="H47" s="17"/>
      <c r="I47" s="13">
        <v>5469</v>
      </c>
      <c r="J47" s="14">
        <v>2147</v>
      </c>
      <c r="K47" s="14">
        <v>3322</v>
      </c>
    </row>
    <row r="48" spans="1:11" ht="15" customHeight="1">
      <c r="A48" s="17" t="s">
        <v>93</v>
      </c>
      <c r="B48" s="17"/>
      <c r="C48" s="13">
        <v>2379</v>
      </c>
      <c r="D48" s="19">
        <v>1192</v>
      </c>
      <c r="E48" s="19">
        <v>1187</v>
      </c>
      <c r="F48" s="19"/>
      <c r="G48" s="18" t="s">
        <v>94</v>
      </c>
      <c r="H48" s="17"/>
      <c r="I48" s="13">
        <v>1403</v>
      </c>
      <c r="J48" s="19">
        <v>551</v>
      </c>
      <c r="K48" s="19">
        <v>852</v>
      </c>
    </row>
    <row r="49" spans="1:11" ht="15" customHeight="1">
      <c r="A49" s="17" t="s">
        <v>95</v>
      </c>
      <c r="B49" s="17"/>
      <c r="C49" s="13">
        <v>2344</v>
      </c>
      <c r="D49" s="19">
        <v>1237</v>
      </c>
      <c r="E49" s="19">
        <v>1107</v>
      </c>
      <c r="F49" s="19"/>
      <c r="G49" s="18" t="s">
        <v>96</v>
      </c>
      <c r="H49" s="17"/>
      <c r="I49" s="13">
        <v>1319</v>
      </c>
      <c r="J49" s="19">
        <v>525</v>
      </c>
      <c r="K49" s="19">
        <v>794</v>
      </c>
    </row>
    <row r="50" spans="1:11" ht="15" customHeight="1">
      <c r="A50" s="17" t="s">
        <v>97</v>
      </c>
      <c r="B50" s="17"/>
      <c r="C50" s="13">
        <v>2403</v>
      </c>
      <c r="D50" s="19">
        <v>1251</v>
      </c>
      <c r="E50" s="19">
        <v>1152</v>
      </c>
      <c r="F50" s="19"/>
      <c r="G50" s="18" t="s">
        <v>98</v>
      </c>
      <c r="H50" s="17"/>
      <c r="I50" s="13">
        <v>1069</v>
      </c>
      <c r="J50" s="19">
        <v>460</v>
      </c>
      <c r="K50" s="19">
        <v>609</v>
      </c>
    </row>
    <row r="51" spans="1:11" ht="15" customHeight="1">
      <c r="A51" s="17" t="s">
        <v>99</v>
      </c>
      <c r="B51" s="17"/>
      <c r="C51" s="13">
        <v>2481</v>
      </c>
      <c r="D51" s="19">
        <v>1240</v>
      </c>
      <c r="E51" s="19">
        <v>1241</v>
      </c>
      <c r="F51" s="19"/>
      <c r="G51" s="18" t="s">
        <v>100</v>
      </c>
      <c r="H51" s="17"/>
      <c r="I51" s="13">
        <v>909</v>
      </c>
      <c r="J51" s="19">
        <v>345</v>
      </c>
      <c r="K51" s="19">
        <v>564</v>
      </c>
    </row>
    <row r="52" spans="1:11" ht="15" customHeight="1">
      <c r="A52" s="17" t="s">
        <v>101</v>
      </c>
      <c r="B52" s="17"/>
      <c r="C52" s="13">
        <v>2657</v>
      </c>
      <c r="D52" s="19">
        <v>1373</v>
      </c>
      <c r="E52" s="19">
        <v>1284</v>
      </c>
      <c r="F52" s="19"/>
      <c r="G52" s="18" t="s">
        <v>102</v>
      </c>
      <c r="H52" s="17"/>
      <c r="I52" s="13">
        <v>769</v>
      </c>
      <c r="J52" s="19">
        <v>266</v>
      </c>
      <c r="K52" s="19">
        <v>503</v>
      </c>
    </row>
    <row r="53" spans="1:11" ht="20.100000000000001" customHeight="1">
      <c r="A53" s="17" t="s">
        <v>103</v>
      </c>
      <c r="B53" s="17"/>
      <c r="C53" s="13">
        <v>15136</v>
      </c>
      <c r="D53" s="14">
        <v>7709</v>
      </c>
      <c r="E53" s="14">
        <v>7427</v>
      </c>
      <c r="F53" s="14"/>
      <c r="G53" s="18" t="s">
        <v>104</v>
      </c>
      <c r="H53" s="17"/>
      <c r="I53" s="13">
        <v>2033</v>
      </c>
      <c r="J53" s="14">
        <v>631</v>
      </c>
      <c r="K53" s="14">
        <v>1402</v>
      </c>
    </row>
    <row r="54" spans="1:11" ht="15" customHeight="1">
      <c r="A54" s="17" t="s">
        <v>105</v>
      </c>
      <c r="B54" s="17"/>
      <c r="C54" s="13">
        <v>2664</v>
      </c>
      <c r="D54" s="19">
        <v>1312</v>
      </c>
      <c r="E54" s="19">
        <v>1352</v>
      </c>
      <c r="F54" s="19"/>
      <c r="G54" s="18" t="s">
        <v>106</v>
      </c>
      <c r="H54" s="17"/>
      <c r="I54" s="13">
        <v>600</v>
      </c>
      <c r="J54" s="19">
        <v>193</v>
      </c>
      <c r="K54" s="19">
        <v>407</v>
      </c>
    </row>
    <row r="55" spans="1:11" ht="15" customHeight="1">
      <c r="A55" s="17" t="s">
        <v>107</v>
      </c>
      <c r="B55" s="17"/>
      <c r="C55" s="13">
        <v>2903</v>
      </c>
      <c r="D55" s="19">
        <v>1526</v>
      </c>
      <c r="E55" s="19">
        <v>1377</v>
      </c>
      <c r="F55" s="19"/>
      <c r="G55" s="18" t="s">
        <v>108</v>
      </c>
      <c r="H55" s="17"/>
      <c r="I55" s="13">
        <v>535</v>
      </c>
      <c r="J55" s="19">
        <v>179</v>
      </c>
      <c r="K55" s="19">
        <v>356</v>
      </c>
    </row>
    <row r="56" spans="1:11" ht="15" customHeight="1">
      <c r="A56" s="17" t="s">
        <v>109</v>
      </c>
      <c r="B56" s="17"/>
      <c r="C56" s="13">
        <v>2983</v>
      </c>
      <c r="D56" s="19">
        <v>1517</v>
      </c>
      <c r="E56" s="19">
        <v>1466</v>
      </c>
      <c r="F56" s="19"/>
      <c r="G56" s="18" t="s">
        <v>110</v>
      </c>
      <c r="H56" s="17"/>
      <c r="I56" s="13">
        <v>372</v>
      </c>
      <c r="J56" s="19">
        <v>114</v>
      </c>
      <c r="K56" s="19">
        <v>258</v>
      </c>
    </row>
    <row r="57" spans="1:11" ht="15" customHeight="1">
      <c r="A57" s="17" t="s">
        <v>111</v>
      </c>
      <c r="B57" s="17"/>
      <c r="C57" s="13">
        <v>3169</v>
      </c>
      <c r="D57" s="19">
        <v>1625</v>
      </c>
      <c r="E57" s="19">
        <v>1544</v>
      </c>
      <c r="F57" s="19"/>
      <c r="G57" s="18" t="s">
        <v>112</v>
      </c>
      <c r="H57" s="17"/>
      <c r="I57" s="13">
        <v>312</v>
      </c>
      <c r="J57" s="19">
        <v>96</v>
      </c>
      <c r="K57" s="19">
        <v>216</v>
      </c>
    </row>
    <row r="58" spans="1:11" ht="15" customHeight="1">
      <c r="A58" s="17" t="s">
        <v>113</v>
      </c>
      <c r="B58" s="17"/>
      <c r="C58" s="13">
        <v>3417</v>
      </c>
      <c r="D58" s="19">
        <v>1729</v>
      </c>
      <c r="E58" s="19">
        <v>1688</v>
      </c>
      <c r="F58" s="19"/>
      <c r="G58" s="18" t="s">
        <v>114</v>
      </c>
      <c r="H58" s="17"/>
      <c r="I58" s="13">
        <v>214</v>
      </c>
      <c r="J58" s="19">
        <v>49</v>
      </c>
      <c r="K58" s="19">
        <v>165</v>
      </c>
    </row>
    <row r="59" spans="1:11" ht="20.100000000000001" customHeight="1">
      <c r="A59" s="17" t="s">
        <v>115</v>
      </c>
      <c r="B59" s="17"/>
      <c r="C59" s="13">
        <v>18530</v>
      </c>
      <c r="D59" s="14">
        <v>9357</v>
      </c>
      <c r="E59" s="14">
        <v>9173</v>
      </c>
      <c r="F59" s="14"/>
      <c r="G59" s="18" t="s">
        <v>116</v>
      </c>
      <c r="H59" s="17"/>
      <c r="I59" s="13">
        <v>438</v>
      </c>
      <c r="J59" s="14">
        <v>90</v>
      </c>
      <c r="K59" s="14">
        <v>348</v>
      </c>
    </row>
    <row r="60" spans="1:11" ht="15" customHeight="1">
      <c r="A60" s="17" t="s">
        <v>117</v>
      </c>
      <c r="B60" s="17"/>
      <c r="C60" s="13">
        <v>3671</v>
      </c>
      <c r="D60" s="19">
        <v>1836</v>
      </c>
      <c r="E60" s="19">
        <v>1835</v>
      </c>
      <c r="F60" s="19"/>
      <c r="G60" s="18" t="s">
        <v>118</v>
      </c>
      <c r="H60" s="17"/>
      <c r="I60" s="13">
        <v>168</v>
      </c>
      <c r="J60" s="19">
        <v>35</v>
      </c>
      <c r="K60" s="19">
        <v>133</v>
      </c>
    </row>
    <row r="61" spans="1:11" ht="15" customHeight="1">
      <c r="A61" s="17" t="s">
        <v>119</v>
      </c>
      <c r="B61" s="17"/>
      <c r="C61" s="13">
        <v>3714</v>
      </c>
      <c r="D61" s="19">
        <v>1919</v>
      </c>
      <c r="E61" s="19">
        <v>1795</v>
      </c>
      <c r="F61" s="19"/>
      <c r="G61" s="18" t="s">
        <v>120</v>
      </c>
      <c r="H61" s="17"/>
      <c r="I61" s="13">
        <v>99</v>
      </c>
      <c r="J61" s="19">
        <v>28</v>
      </c>
      <c r="K61" s="19">
        <v>71</v>
      </c>
    </row>
    <row r="62" spans="1:11" ht="15" customHeight="1">
      <c r="A62" s="17" t="s">
        <v>121</v>
      </c>
      <c r="B62" s="17"/>
      <c r="C62" s="13">
        <v>3760</v>
      </c>
      <c r="D62" s="19">
        <v>1851</v>
      </c>
      <c r="E62" s="19">
        <v>1909</v>
      </c>
      <c r="F62" s="19"/>
      <c r="G62" s="18" t="s">
        <v>122</v>
      </c>
      <c r="H62" s="17"/>
      <c r="I62" s="13">
        <v>94</v>
      </c>
      <c r="J62" s="19">
        <v>15</v>
      </c>
      <c r="K62" s="19">
        <v>79</v>
      </c>
    </row>
    <row r="63" spans="1:11" ht="15" customHeight="1">
      <c r="A63" s="17" t="s">
        <v>123</v>
      </c>
      <c r="B63" s="17"/>
      <c r="C63" s="13">
        <v>3734</v>
      </c>
      <c r="D63" s="19">
        <v>1925</v>
      </c>
      <c r="E63" s="19">
        <v>1809</v>
      </c>
      <c r="F63" s="19"/>
      <c r="G63" s="18" t="s">
        <v>124</v>
      </c>
      <c r="H63" s="17"/>
      <c r="I63" s="13">
        <v>40</v>
      </c>
      <c r="J63" s="19">
        <v>9</v>
      </c>
      <c r="K63" s="19">
        <v>31</v>
      </c>
    </row>
    <row r="64" spans="1:11" ht="15" customHeight="1">
      <c r="A64" s="17" t="s">
        <v>125</v>
      </c>
      <c r="B64" s="17"/>
      <c r="C64" s="13">
        <v>3651</v>
      </c>
      <c r="D64" s="19">
        <v>1826</v>
      </c>
      <c r="E64" s="19">
        <v>1825</v>
      </c>
      <c r="F64" s="19"/>
      <c r="G64" s="18" t="s">
        <v>126</v>
      </c>
      <c r="H64" s="17"/>
      <c r="I64" s="13">
        <v>37</v>
      </c>
      <c r="J64" s="19">
        <v>3</v>
      </c>
      <c r="K64" s="19">
        <v>3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4</v>
      </c>
      <c r="J65" s="19">
        <v>5</v>
      </c>
      <c r="K65" s="19">
        <v>5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25</v>
      </c>
      <c r="J66" s="29">
        <v>483</v>
      </c>
      <c r="K66" s="29">
        <v>14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3" pageOrder="overThenDown" orientation="portrait" blackAndWhite="1" useFirstPageNumber="1" horizontalDpi="300" verticalDpi="300"/>
  <headerFooter scaleWithDoc="0"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5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5727</v>
      </c>
      <c r="D4" s="14">
        <v>119013</v>
      </c>
      <c r="E4" s="14">
        <v>12671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557</v>
      </c>
      <c r="D5" s="14">
        <v>4342</v>
      </c>
      <c r="E5" s="14">
        <v>4215</v>
      </c>
      <c r="F5" s="14"/>
      <c r="G5" s="18" t="s">
        <v>8</v>
      </c>
      <c r="H5" s="17"/>
      <c r="I5" s="13">
        <v>17863</v>
      </c>
      <c r="J5" s="14">
        <v>9111</v>
      </c>
      <c r="K5" s="14">
        <v>8752</v>
      </c>
    </row>
    <row r="6" spans="1:11" ht="15" customHeight="1">
      <c r="A6" s="17" t="s">
        <v>9</v>
      </c>
      <c r="B6" s="17"/>
      <c r="C6" s="13">
        <v>1569</v>
      </c>
      <c r="D6" s="19">
        <v>798</v>
      </c>
      <c r="E6" s="19">
        <v>771</v>
      </c>
      <c r="F6" s="19"/>
      <c r="G6" s="18" t="s">
        <v>10</v>
      </c>
      <c r="H6" s="17"/>
      <c r="I6" s="13">
        <v>3920</v>
      </c>
      <c r="J6" s="19">
        <v>2013</v>
      </c>
      <c r="K6" s="19">
        <v>1907</v>
      </c>
    </row>
    <row r="7" spans="1:11" ht="15" customHeight="1">
      <c r="A7" s="17" t="s">
        <v>11</v>
      </c>
      <c r="B7" s="17"/>
      <c r="C7" s="13">
        <v>1735</v>
      </c>
      <c r="D7" s="19">
        <v>876</v>
      </c>
      <c r="E7" s="19">
        <v>859</v>
      </c>
      <c r="F7" s="19"/>
      <c r="G7" s="18" t="s">
        <v>12</v>
      </c>
      <c r="H7" s="17"/>
      <c r="I7" s="13">
        <v>4043</v>
      </c>
      <c r="J7" s="19">
        <v>2055</v>
      </c>
      <c r="K7" s="19">
        <v>1988</v>
      </c>
    </row>
    <row r="8" spans="1:11" ht="15" customHeight="1">
      <c r="A8" s="17" t="s">
        <v>13</v>
      </c>
      <c r="B8" s="17"/>
      <c r="C8" s="13">
        <v>1729</v>
      </c>
      <c r="D8" s="19">
        <v>885</v>
      </c>
      <c r="E8" s="19">
        <v>844</v>
      </c>
      <c r="F8" s="19"/>
      <c r="G8" s="18" t="s">
        <v>14</v>
      </c>
      <c r="H8" s="17"/>
      <c r="I8" s="13">
        <v>2832</v>
      </c>
      <c r="J8" s="19">
        <v>1430</v>
      </c>
      <c r="K8" s="19">
        <v>1402</v>
      </c>
    </row>
    <row r="9" spans="1:11" ht="15" customHeight="1">
      <c r="A9" s="17" t="s">
        <v>15</v>
      </c>
      <c r="B9" s="17"/>
      <c r="C9" s="13">
        <v>1738</v>
      </c>
      <c r="D9" s="19">
        <v>865</v>
      </c>
      <c r="E9" s="19">
        <v>873</v>
      </c>
      <c r="F9" s="19"/>
      <c r="G9" s="18" t="s">
        <v>16</v>
      </c>
      <c r="H9" s="17"/>
      <c r="I9" s="13">
        <v>3714</v>
      </c>
      <c r="J9" s="19">
        <v>1901</v>
      </c>
      <c r="K9" s="19">
        <v>1813</v>
      </c>
    </row>
    <row r="10" spans="1:11" ht="15" customHeight="1">
      <c r="A10" s="17" t="s">
        <v>17</v>
      </c>
      <c r="B10" s="17"/>
      <c r="C10" s="13">
        <v>1786</v>
      </c>
      <c r="D10" s="19">
        <v>918</v>
      </c>
      <c r="E10" s="19">
        <v>868</v>
      </c>
      <c r="F10" s="19"/>
      <c r="G10" s="18" t="s">
        <v>18</v>
      </c>
      <c r="H10" s="17"/>
      <c r="I10" s="13">
        <v>3354</v>
      </c>
      <c r="J10" s="19">
        <v>1712</v>
      </c>
      <c r="K10" s="19">
        <v>1642</v>
      </c>
    </row>
    <row r="11" spans="1:11" ht="20.100000000000001" customHeight="1">
      <c r="A11" s="17" t="s">
        <v>19</v>
      </c>
      <c r="B11" s="17"/>
      <c r="C11" s="13">
        <v>9817</v>
      </c>
      <c r="D11" s="14">
        <v>4991</v>
      </c>
      <c r="E11" s="14">
        <v>4826</v>
      </c>
      <c r="F11" s="14"/>
      <c r="G11" s="18" t="s">
        <v>20</v>
      </c>
      <c r="H11" s="17"/>
      <c r="I11" s="13">
        <v>15219</v>
      </c>
      <c r="J11" s="14">
        <v>7669</v>
      </c>
      <c r="K11" s="14">
        <v>7550</v>
      </c>
    </row>
    <row r="12" spans="1:11" ht="15" customHeight="1">
      <c r="A12" s="17" t="s">
        <v>21</v>
      </c>
      <c r="B12" s="17"/>
      <c r="C12" s="13">
        <v>1840</v>
      </c>
      <c r="D12" s="19">
        <v>937</v>
      </c>
      <c r="E12" s="19">
        <v>903</v>
      </c>
      <c r="F12" s="19"/>
      <c r="G12" s="18" t="s">
        <v>22</v>
      </c>
      <c r="H12" s="17"/>
      <c r="I12" s="13">
        <v>3242</v>
      </c>
      <c r="J12" s="19">
        <v>1629</v>
      </c>
      <c r="K12" s="19">
        <v>1613</v>
      </c>
    </row>
    <row r="13" spans="1:11" ht="15" customHeight="1">
      <c r="A13" s="17" t="s">
        <v>23</v>
      </c>
      <c r="B13" s="17"/>
      <c r="C13" s="13">
        <v>1985</v>
      </c>
      <c r="D13" s="19">
        <v>1007</v>
      </c>
      <c r="E13" s="19">
        <v>978</v>
      </c>
      <c r="F13" s="19"/>
      <c r="G13" s="18" t="s">
        <v>24</v>
      </c>
      <c r="H13" s="17"/>
      <c r="I13" s="13">
        <v>3123</v>
      </c>
      <c r="J13" s="19">
        <v>1587</v>
      </c>
      <c r="K13" s="19">
        <v>1536</v>
      </c>
    </row>
    <row r="14" spans="1:11" ht="15" customHeight="1">
      <c r="A14" s="17" t="s">
        <v>25</v>
      </c>
      <c r="B14" s="17"/>
      <c r="C14" s="13">
        <v>1898</v>
      </c>
      <c r="D14" s="19">
        <v>956</v>
      </c>
      <c r="E14" s="19">
        <v>942</v>
      </c>
      <c r="F14" s="19"/>
      <c r="G14" s="18" t="s">
        <v>26</v>
      </c>
      <c r="H14" s="17"/>
      <c r="I14" s="13">
        <v>2992</v>
      </c>
      <c r="J14" s="19">
        <v>1495</v>
      </c>
      <c r="K14" s="19">
        <v>1497</v>
      </c>
    </row>
    <row r="15" spans="1:11" ht="15" customHeight="1">
      <c r="A15" s="17" t="s">
        <v>27</v>
      </c>
      <c r="B15" s="17"/>
      <c r="C15" s="13">
        <v>2008</v>
      </c>
      <c r="D15" s="19">
        <v>1021</v>
      </c>
      <c r="E15" s="19">
        <v>987</v>
      </c>
      <c r="F15" s="19"/>
      <c r="G15" s="18" t="s">
        <v>28</v>
      </c>
      <c r="H15" s="17"/>
      <c r="I15" s="13">
        <v>2958</v>
      </c>
      <c r="J15" s="19">
        <v>1494</v>
      </c>
      <c r="K15" s="19">
        <v>1464</v>
      </c>
    </row>
    <row r="16" spans="1:11" ht="15" customHeight="1">
      <c r="A16" s="17" t="s">
        <v>29</v>
      </c>
      <c r="B16" s="17"/>
      <c r="C16" s="13">
        <v>2086</v>
      </c>
      <c r="D16" s="19">
        <v>1070</v>
      </c>
      <c r="E16" s="19">
        <v>1016</v>
      </c>
      <c r="F16" s="19"/>
      <c r="G16" s="18" t="s">
        <v>30</v>
      </c>
      <c r="H16" s="17"/>
      <c r="I16" s="13">
        <v>2904</v>
      </c>
      <c r="J16" s="19">
        <v>1464</v>
      </c>
      <c r="K16" s="19">
        <v>1440</v>
      </c>
    </row>
    <row r="17" spans="1:11" ht="20.100000000000001" customHeight="1">
      <c r="A17" s="20" t="s">
        <v>31</v>
      </c>
      <c r="B17" s="20"/>
      <c r="C17" s="13">
        <v>10157</v>
      </c>
      <c r="D17" s="14">
        <v>5297</v>
      </c>
      <c r="E17" s="14">
        <v>4860</v>
      </c>
      <c r="F17" s="14"/>
      <c r="G17" s="18" t="s">
        <v>32</v>
      </c>
      <c r="H17" s="17"/>
      <c r="I17" s="13">
        <v>13582</v>
      </c>
      <c r="J17" s="14">
        <v>6685</v>
      </c>
      <c r="K17" s="14">
        <v>6897</v>
      </c>
    </row>
    <row r="18" spans="1:11" ht="15" customHeight="1">
      <c r="A18" s="17" t="s">
        <v>33</v>
      </c>
      <c r="B18" s="17"/>
      <c r="C18" s="13">
        <v>1991</v>
      </c>
      <c r="D18" s="19">
        <v>1055</v>
      </c>
      <c r="E18" s="19">
        <v>936</v>
      </c>
      <c r="F18" s="19"/>
      <c r="G18" s="18" t="s">
        <v>34</v>
      </c>
      <c r="H18" s="17"/>
      <c r="I18" s="13">
        <v>2728</v>
      </c>
      <c r="J18" s="19">
        <v>1381</v>
      </c>
      <c r="K18" s="19">
        <v>1347</v>
      </c>
    </row>
    <row r="19" spans="1:11" ht="15" customHeight="1">
      <c r="A19" s="17" t="s">
        <v>35</v>
      </c>
      <c r="B19" s="17"/>
      <c r="C19" s="13">
        <v>2065</v>
      </c>
      <c r="D19" s="19">
        <v>1042</v>
      </c>
      <c r="E19" s="19">
        <v>1023</v>
      </c>
      <c r="F19" s="19"/>
      <c r="G19" s="18" t="s">
        <v>36</v>
      </c>
      <c r="H19" s="17"/>
      <c r="I19" s="13">
        <v>2603</v>
      </c>
      <c r="J19" s="19">
        <v>1242</v>
      </c>
      <c r="K19" s="19">
        <v>1361</v>
      </c>
    </row>
    <row r="20" spans="1:11" ht="15" customHeight="1">
      <c r="A20" s="17" t="s">
        <v>37</v>
      </c>
      <c r="B20" s="17"/>
      <c r="C20" s="13">
        <v>2072</v>
      </c>
      <c r="D20" s="19">
        <v>1099</v>
      </c>
      <c r="E20" s="19">
        <v>973</v>
      </c>
      <c r="F20" s="19"/>
      <c r="G20" s="18" t="s">
        <v>38</v>
      </c>
      <c r="H20" s="17"/>
      <c r="I20" s="13">
        <v>2709</v>
      </c>
      <c r="J20" s="19">
        <v>1320</v>
      </c>
      <c r="K20" s="19">
        <v>1389</v>
      </c>
    </row>
    <row r="21" spans="1:11" ht="15" customHeight="1">
      <c r="A21" s="17" t="s">
        <v>39</v>
      </c>
      <c r="B21" s="17"/>
      <c r="C21" s="13">
        <v>2028</v>
      </c>
      <c r="D21" s="19">
        <v>1026</v>
      </c>
      <c r="E21" s="19">
        <v>1002</v>
      </c>
      <c r="F21" s="19"/>
      <c r="G21" s="18" t="s">
        <v>40</v>
      </c>
      <c r="H21" s="17"/>
      <c r="I21" s="13">
        <v>2707</v>
      </c>
      <c r="J21" s="19">
        <v>1358</v>
      </c>
      <c r="K21" s="19">
        <v>1349</v>
      </c>
    </row>
    <row r="22" spans="1:11" ht="15" customHeight="1">
      <c r="A22" s="17" t="s">
        <v>41</v>
      </c>
      <c r="B22" s="17"/>
      <c r="C22" s="13">
        <v>2001</v>
      </c>
      <c r="D22" s="19">
        <v>1075</v>
      </c>
      <c r="E22" s="19">
        <v>926</v>
      </c>
      <c r="F22" s="19"/>
      <c r="G22" s="18" t="s">
        <v>42</v>
      </c>
      <c r="H22" s="17"/>
      <c r="I22" s="13">
        <v>2835</v>
      </c>
      <c r="J22" s="19">
        <v>1384</v>
      </c>
      <c r="K22" s="19">
        <v>1451</v>
      </c>
    </row>
    <row r="23" spans="1:11" ht="20.100000000000001" customHeight="1">
      <c r="A23" s="17" t="s">
        <v>43</v>
      </c>
      <c r="B23" s="17"/>
      <c r="C23" s="13">
        <v>11330</v>
      </c>
      <c r="D23" s="14">
        <v>5729</v>
      </c>
      <c r="E23" s="14">
        <v>5601</v>
      </c>
      <c r="F23" s="14"/>
      <c r="G23" s="18" t="s">
        <v>44</v>
      </c>
      <c r="H23" s="17"/>
      <c r="I23" s="13">
        <v>16886</v>
      </c>
      <c r="J23" s="14">
        <v>8070</v>
      </c>
      <c r="K23" s="14">
        <v>8816</v>
      </c>
    </row>
    <row r="24" spans="1:11" ht="15" customHeight="1">
      <c r="A24" s="17" t="s">
        <v>45</v>
      </c>
      <c r="B24" s="17"/>
      <c r="C24" s="13">
        <v>2202</v>
      </c>
      <c r="D24" s="19">
        <v>1132</v>
      </c>
      <c r="E24" s="19">
        <v>1070</v>
      </c>
      <c r="F24" s="19"/>
      <c r="G24" s="18" t="s">
        <v>46</v>
      </c>
      <c r="H24" s="17"/>
      <c r="I24" s="13">
        <v>2905</v>
      </c>
      <c r="J24" s="19">
        <v>1415</v>
      </c>
      <c r="K24" s="19">
        <v>1490</v>
      </c>
    </row>
    <row r="25" spans="1:11" ht="15" customHeight="1">
      <c r="A25" s="17" t="s">
        <v>47</v>
      </c>
      <c r="B25" s="17"/>
      <c r="C25" s="13">
        <v>2230</v>
      </c>
      <c r="D25" s="19">
        <v>1115</v>
      </c>
      <c r="E25" s="19">
        <v>1115</v>
      </c>
      <c r="F25" s="19"/>
      <c r="G25" s="18" t="s">
        <v>48</v>
      </c>
      <c r="H25" s="17"/>
      <c r="I25" s="13">
        <v>3051</v>
      </c>
      <c r="J25" s="19">
        <v>1489</v>
      </c>
      <c r="K25" s="19">
        <v>1562</v>
      </c>
    </row>
    <row r="26" spans="1:11" ht="15" customHeight="1">
      <c r="A26" s="17" t="s">
        <v>49</v>
      </c>
      <c r="B26" s="17"/>
      <c r="C26" s="13">
        <v>2251</v>
      </c>
      <c r="D26" s="19">
        <v>1145</v>
      </c>
      <c r="E26" s="19">
        <v>1106</v>
      </c>
      <c r="F26" s="19"/>
      <c r="G26" s="18" t="s">
        <v>50</v>
      </c>
      <c r="H26" s="17"/>
      <c r="I26" s="13">
        <v>3323</v>
      </c>
      <c r="J26" s="19">
        <v>1570</v>
      </c>
      <c r="K26" s="19">
        <v>1753</v>
      </c>
    </row>
    <row r="27" spans="1:11" ht="15" customHeight="1">
      <c r="A27" s="17" t="s">
        <v>51</v>
      </c>
      <c r="B27" s="17"/>
      <c r="C27" s="13">
        <v>2342</v>
      </c>
      <c r="D27" s="19">
        <v>1171</v>
      </c>
      <c r="E27" s="19">
        <v>1171</v>
      </c>
      <c r="F27" s="19"/>
      <c r="G27" s="18" t="s">
        <v>52</v>
      </c>
      <c r="H27" s="17"/>
      <c r="I27" s="13">
        <v>3519</v>
      </c>
      <c r="J27" s="19">
        <v>1648</v>
      </c>
      <c r="K27" s="19">
        <v>1871</v>
      </c>
    </row>
    <row r="28" spans="1:11" ht="15" customHeight="1">
      <c r="A28" s="17" t="s">
        <v>53</v>
      </c>
      <c r="B28" s="17"/>
      <c r="C28" s="13">
        <v>2305</v>
      </c>
      <c r="D28" s="19">
        <v>1166</v>
      </c>
      <c r="E28" s="19">
        <v>1139</v>
      </c>
      <c r="F28" s="19"/>
      <c r="G28" s="18" t="s">
        <v>54</v>
      </c>
      <c r="H28" s="17"/>
      <c r="I28" s="13">
        <v>4088</v>
      </c>
      <c r="J28" s="19">
        <v>1948</v>
      </c>
      <c r="K28" s="19">
        <v>2140</v>
      </c>
    </row>
    <row r="29" spans="1:11" ht="20.100000000000001" customHeight="1">
      <c r="A29" s="17" t="s">
        <v>55</v>
      </c>
      <c r="B29" s="17"/>
      <c r="C29" s="13">
        <v>12238</v>
      </c>
      <c r="D29" s="14">
        <v>6131</v>
      </c>
      <c r="E29" s="14">
        <v>6107</v>
      </c>
      <c r="F29" s="14"/>
      <c r="G29" s="18" t="s">
        <v>56</v>
      </c>
      <c r="H29" s="17"/>
      <c r="I29" s="13">
        <v>16442</v>
      </c>
      <c r="J29" s="14">
        <v>7654</v>
      </c>
      <c r="K29" s="14">
        <v>8788</v>
      </c>
    </row>
    <row r="30" spans="1:11" ht="15" customHeight="1">
      <c r="A30" s="17" t="s">
        <v>57</v>
      </c>
      <c r="B30" s="17"/>
      <c r="C30" s="13">
        <v>2467</v>
      </c>
      <c r="D30" s="19">
        <v>1253</v>
      </c>
      <c r="E30" s="19">
        <v>1214</v>
      </c>
      <c r="F30" s="19"/>
      <c r="G30" s="18" t="s">
        <v>58</v>
      </c>
      <c r="H30" s="17"/>
      <c r="I30" s="13">
        <v>3977</v>
      </c>
      <c r="J30" s="19">
        <v>1893</v>
      </c>
      <c r="K30" s="19">
        <v>2084</v>
      </c>
    </row>
    <row r="31" spans="1:11" ht="15" customHeight="1">
      <c r="A31" s="17" t="s">
        <v>59</v>
      </c>
      <c r="B31" s="17"/>
      <c r="C31" s="13">
        <v>2461</v>
      </c>
      <c r="D31" s="19">
        <v>1252</v>
      </c>
      <c r="E31" s="19">
        <v>1209</v>
      </c>
      <c r="F31" s="19"/>
      <c r="G31" s="18" t="s">
        <v>60</v>
      </c>
      <c r="H31" s="17"/>
      <c r="I31" s="13">
        <v>3940</v>
      </c>
      <c r="J31" s="19">
        <v>1798</v>
      </c>
      <c r="K31" s="19">
        <v>2142</v>
      </c>
    </row>
    <row r="32" spans="1:11" ht="15" customHeight="1">
      <c r="A32" s="17" t="s">
        <v>61</v>
      </c>
      <c r="B32" s="17"/>
      <c r="C32" s="13">
        <v>2545</v>
      </c>
      <c r="D32" s="19">
        <v>1249</v>
      </c>
      <c r="E32" s="19">
        <v>1296</v>
      </c>
      <c r="F32" s="19"/>
      <c r="G32" s="18" t="s">
        <v>62</v>
      </c>
      <c r="H32" s="17"/>
      <c r="I32" s="13">
        <v>2882</v>
      </c>
      <c r="J32" s="19">
        <v>1373</v>
      </c>
      <c r="K32" s="19">
        <v>1509</v>
      </c>
    </row>
    <row r="33" spans="1:11" ht="15" customHeight="1">
      <c r="A33" s="17" t="s">
        <v>63</v>
      </c>
      <c r="B33" s="17"/>
      <c r="C33" s="13">
        <v>2416</v>
      </c>
      <c r="D33" s="19">
        <v>1230</v>
      </c>
      <c r="E33" s="19">
        <v>1186</v>
      </c>
      <c r="F33" s="19"/>
      <c r="G33" s="18" t="s">
        <v>64</v>
      </c>
      <c r="H33" s="17"/>
      <c r="I33" s="13">
        <v>2559</v>
      </c>
      <c r="J33" s="19">
        <v>1214</v>
      </c>
      <c r="K33" s="19">
        <v>1345</v>
      </c>
    </row>
    <row r="34" spans="1:11" ht="15" customHeight="1">
      <c r="A34" s="17" t="s">
        <v>65</v>
      </c>
      <c r="B34" s="17"/>
      <c r="C34" s="13">
        <v>2349</v>
      </c>
      <c r="D34" s="19">
        <v>1147</v>
      </c>
      <c r="E34" s="19">
        <v>1202</v>
      </c>
      <c r="F34" s="19"/>
      <c r="G34" s="18" t="s">
        <v>66</v>
      </c>
      <c r="H34" s="17"/>
      <c r="I34" s="13">
        <v>3084</v>
      </c>
      <c r="J34" s="19">
        <v>1376</v>
      </c>
      <c r="K34" s="19">
        <v>1708</v>
      </c>
    </row>
    <row r="35" spans="1:11" ht="20.100000000000001" customHeight="1">
      <c r="A35" s="17" t="s">
        <v>67</v>
      </c>
      <c r="B35" s="17"/>
      <c r="C35" s="13">
        <v>10954</v>
      </c>
      <c r="D35" s="14">
        <v>5537</v>
      </c>
      <c r="E35" s="14">
        <v>5417</v>
      </c>
      <c r="F35" s="14"/>
      <c r="G35" s="18" t="s">
        <v>68</v>
      </c>
      <c r="H35" s="17"/>
      <c r="I35" s="13">
        <v>15745</v>
      </c>
      <c r="J35" s="14">
        <v>6915</v>
      </c>
      <c r="K35" s="14">
        <v>8830</v>
      </c>
    </row>
    <row r="36" spans="1:11" ht="15" customHeight="1">
      <c r="A36" s="17" t="s">
        <v>69</v>
      </c>
      <c r="B36" s="17"/>
      <c r="C36" s="13">
        <v>2261</v>
      </c>
      <c r="D36" s="19">
        <v>1159</v>
      </c>
      <c r="E36" s="19">
        <v>1102</v>
      </c>
      <c r="F36" s="19"/>
      <c r="G36" s="18" t="s">
        <v>70</v>
      </c>
      <c r="H36" s="17"/>
      <c r="I36" s="13">
        <v>3430</v>
      </c>
      <c r="J36" s="19">
        <v>1507</v>
      </c>
      <c r="K36" s="19">
        <v>1923</v>
      </c>
    </row>
    <row r="37" spans="1:11" ht="15" customHeight="1">
      <c r="A37" s="17" t="s">
        <v>71</v>
      </c>
      <c r="B37" s="17"/>
      <c r="C37" s="13">
        <v>2155</v>
      </c>
      <c r="D37" s="19">
        <v>1103</v>
      </c>
      <c r="E37" s="19">
        <v>1052</v>
      </c>
      <c r="F37" s="19"/>
      <c r="G37" s="18" t="s">
        <v>72</v>
      </c>
      <c r="H37" s="17"/>
      <c r="I37" s="13">
        <v>3215</v>
      </c>
      <c r="J37" s="19">
        <v>1401</v>
      </c>
      <c r="K37" s="19">
        <v>1814</v>
      </c>
    </row>
    <row r="38" spans="1:11" ht="15" customHeight="1">
      <c r="A38" s="17" t="s">
        <v>73</v>
      </c>
      <c r="B38" s="17"/>
      <c r="C38" s="13">
        <v>2169</v>
      </c>
      <c r="D38" s="19">
        <v>1072</v>
      </c>
      <c r="E38" s="19">
        <v>1097</v>
      </c>
      <c r="F38" s="19"/>
      <c r="G38" s="18" t="s">
        <v>74</v>
      </c>
      <c r="H38" s="17"/>
      <c r="I38" s="13">
        <v>3340</v>
      </c>
      <c r="J38" s="19">
        <v>1506</v>
      </c>
      <c r="K38" s="19">
        <v>1834</v>
      </c>
    </row>
    <row r="39" spans="1:11" ht="15" customHeight="1">
      <c r="A39" s="17" t="s">
        <v>75</v>
      </c>
      <c r="B39" s="17"/>
      <c r="C39" s="13">
        <v>2145</v>
      </c>
      <c r="D39" s="19">
        <v>1085</v>
      </c>
      <c r="E39" s="19">
        <v>1060</v>
      </c>
      <c r="F39" s="19"/>
      <c r="G39" s="18" t="s">
        <v>76</v>
      </c>
      <c r="H39" s="17"/>
      <c r="I39" s="13">
        <v>3090</v>
      </c>
      <c r="J39" s="19">
        <v>1308</v>
      </c>
      <c r="K39" s="19">
        <v>1782</v>
      </c>
    </row>
    <row r="40" spans="1:11" ht="15" customHeight="1">
      <c r="A40" s="17" t="s">
        <v>77</v>
      </c>
      <c r="B40" s="17"/>
      <c r="C40" s="13">
        <v>2224</v>
      </c>
      <c r="D40" s="19">
        <v>1118</v>
      </c>
      <c r="E40" s="19">
        <v>1106</v>
      </c>
      <c r="F40" s="19"/>
      <c r="G40" s="18" t="s">
        <v>78</v>
      </c>
      <c r="H40" s="17"/>
      <c r="I40" s="13">
        <v>2670</v>
      </c>
      <c r="J40" s="19">
        <v>1193</v>
      </c>
      <c r="K40" s="19">
        <v>1477</v>
      </c>
    </row>
    <row r="41" spans="1:11" ht="20.100000000000001" customHeight="1">
      <c r="A41" s="17" t="s">
        <v>79</v>
      </c>
      <c r="B41" s="17"/>
      <c r="C41" s="13">
        <v>11772</v>
      </c>
      <c r="D41" s="14">
        <v>5872</v>
      </c>
      <c r="E41" s="14">
        <v>5900</v>
      </c>
      <c r="F41" s="14"/>
      <c r="G41" s="18" t="s">
        <v>80</v>
      </c>
      <c r="H41" s="17"/>
      <c r="I41" s="13">
        <v>11978</v>
      </c>
      <c r="J41" s="14">
        <v>5063</v>
      </c>
      <c r="K41" s="14">
        <v>6915</v>
      </c>
    </row>
    <row r="42" spans="1:11" ht="15" customHeight="1">
      <c r="A42" s="17" t="s">
        <v>81</v>
      </c>
      <c r="B42" s="17"/>
      <c r="C42" s="13">
        <v>2245</v>
      </c>
      <c r="D42" s="19">
        <v>1118</v>
      </c>
      <c r="E42" s="19">
        <v>1127</v>
      </c>
      <c r="F42" s="19"/>
      <c r="G42" s="18" t="s">
        <v>82</v>
      </c>
      <c r="H42" s="17"/>
      <c r="I42" s="13">
        <v>2522</v>
      </c>
      <c r="J42" s="19">
        <v>1111</v>
      </c>
      <c r="K42" s="19">
        <v>1411</v>
      </c>
    </row>
    <row r="43" spans="1:11" ht="15" customHeight="1">
      <c r="A43" s="17" t="s">
        <v>83</v>
      </c>
      <c r="B43" s="17"/>
      <c r="C43" s="13">
        <v>2307</v>
      </c>
      <c r="D43" s="19">
        <v>1152</v>
      </c>
      <c r="E43" s="19">
        <v>1155</v>
      </c>
      <c r="F43" s="19"/>
      <c r="G43" s="18" t="s">
        <v>84</v>
      </c>
      <c r="H43" s="17"/>
      <c r="I43" s="13">
        <v>2722</v>
      </c>
      <c r="J43" s="19">
        <v>1160</v>
      </c>
      <c r="K43" s="19">
        <v>1562</v>
      </c>
    </row>
    <row r="44" spans="1:11" ht="15" customHeight="1">
      <c r="A44" s="17" t="s">
        <v>85</v>
      </c>
      <c r="B44" s="17"/>
      <c r="C44" s="13">
        <v>2245</v>
      </c>
      <c r="D44" s="19">
        <v>1127</v>
      </c>
      <c r="E44" s="19">
        <v>1118</v>
      </c>
      <c r="F44" s="19"/>
      <c r="G44" s="18" t="s">
        <v>86</v>
      </c>
      <c r="H44" s="17"/>
      <c r="I44" s="13">
        <v>2430</v>
      </c>
      <c r="J44" s="19">
        <v>1049</v>
      </c>
      <c r="K44" s="19">
        <v>1381</v>
      </c>
    </row>
    <row r="45" spans="1:11" ht="15" customHeight="1">
      <c r="A45" s="17" t="s">
        <v>87</v>
      </c>
      <c r="B45" s="17"/>
      <c r="C45" s="13">
        <v>2456</v>
      </c>
      <c r="D45" s="19">
        <v>1197</v>
      </c>
      <c r="E45" s="19">
        <v>1259</v>
      </c>
      <c r="F45" s="19"/>
      <c r="G45" s="18" t="s">
        <v>88</v>
      </c>
      <c r="H45" s="17"/>
      <c r="I45" s="13">
        <v>2364</v>
      </c>
      <c r="J45" s="19">
        <v>969</v>
      </c>
      <c r="K45" s="19">
        <v>1395</v>
      </c>
    </row>
    <row r="46" spans="1:11" ht="15" customHeight="1">
      <c r="A46" s="17" t="s">
        <v>89</v>
      </c>
      <c r="B46" s="17"/>
      <c r="C46" s="13">
        <v>2519</v>
      </c>
      <c r="D46" s="19">
        <v>1278</v>
      </c>
      <c r="E46" s="19">
        <v>1241</v>
      </c>
      <c r="F46" s="19"/>
      <c r="G46" s="18" t="s">
        <v>90</v>
      </c>
      <c r="H46" s="17"/>
      <c r="I46" s="13">
        <v>1940</v>
      </c>
      <c r="J46" s="19">
        <v>774</v>
      </c>
      <c r="K46" s="19">
        <v>1166</v>
      </c>
    </row>
    <row r="47" spans="1:11" ht="20.100000000000001" customHeight="1">
      <c r="A47" s="17" t="s">
        <v>91</v>
      </c>
      <c r="B47" s="17"/>
      <c r="C47" s="13">
        <v>13863</v>
      </c>
      <c r="D47" s="14">
        <v>7004</v>
      </c>
      <c r="E47" s="14">
        <v>6859</v>
      </c>
      <c r="F47" s="14"/>
      <c r="G47" s="18" t="s">
        <v>92</v>
      </c>
      <c r="H47" s="17"/>
      <c r="I47" s="13">
        <v>7361</v>
      </c>
      <c r="J47" s="14">
        <v>2772</v>
      </c>
      <c r="K47" s="14">
        <v>4589</v>
      </c>
    </row>
    <row r="48" spans="1:11" ht="15" customHeight="1">
      <c r="A48" s="17" t="s">
        <v>93</v>
      </c>
      <c r="B48" s="17"/>
      <c r="C48" s="13">
        <v>2677</v>
      </c>
      <c r="D48" s="19">
        <v>1307</v>
      </c>
      <c r="E48" s="19">
        <v>1370</v>
      </c>
      <c r="F48" s="19"/>
      <c r="G48" s="18" t="s">
        <v>94</v>
      </c>
      <c r="H48" s="17"/>
      <c r="I48" s="13">
        <v>1867</v>
      </c>
      <c r="J48" s="19">
        <v>763</v>
      </c>
      <c r="K48" s="19">
        <v>1104</v>
      </c>
    </row>
    <row r="49" spans="1:11" ht="15" customHeight="1">
      <c r="A49" s="17" t="s">
        <v>95</v>
      </c>
      <c r="B49" s="17"/>
      <c r="C49" s="13">
        <v>2694</v>
      </c>
      <c r="D49" s="19">
        <v>1360</v>
      </c>
      <c r="E49" s="19">
        <v>1334</v>
      </c>
      <c r="F49" s="19"/>
      <c r="G49" s="18" t="s">
        <v>96</v>
      </c>
      <c r="H49" s="17"/>
      <c r="I49" s="13">
        <v>1672</v>
      </c>
      <c r="J49" s="19">
        <v>628</v>
      </c>
      <c r="K49" s="19">
        <v>1044</v>
      </c>
    </row>
    <row r="50" spans="1:11" ht="15" customHeight="1">
      <c r="A50" s="17" t="s">
        <v>97</v>
      </c>
      <c r="B50" s="17"/>
      <c r="C50" s="13">
        <v>2690</v>
      </c>
      <c r="D50" s="19">
        <v>1396</v>
      </c>
      <c r="E50" s="19">
        <v>1294</v>
      </c>
      <c r="F50" s="19"/>
      <c r="G50" s="18" t="s">
        <v>98</v>
      </c>
      <c r="H50" s="17"/>
      <c r="I50" s="13">
        <v>1438</v>
      </c>
      <c r="J50" s="19">
        <v>549</v>
      </c>
      <c r="K50" s="19">
        <v>889</v>
      </c>
    </row>
    <row r="51" spans="1:11" ht="15" customHeight="1">
      <c r="A51" s="17" t="s">
        <v>99</v>
      </c>
      <c r="B51" s="17"/>
      <c r="C51" s="13">
        <v>2836</v>
      </c>
      <c r="D51" s="19">
        <v>1415</v>
      </c>
      <c r="E51" s="19">
        <v>1421</v>
      </c>
      <c r="F51" s="19"/>
      <c r="G51" s="18" t="s">
        <v>100</v>
      </c>
      <c r="H51" s="17"/>
      <c r="I51" s="13">
        <v>1284</v>
      </c>
      <c r="J51" s="19">
        <v>449</v>
      </c>
      <c r="K51" s="19">
        <v>835</v>
      </c>
    </row>
    <row r="52" spans="1:11" ht="15" customHeight="1">
      <c r="A52" s="17" t="s">
        <v>101</v>
      </c>
      <c r="B52" s="17"/>
      <c r="C52" s="13">
        <v>2966</v>
      </c>
      <c r="D52" s="19">
        <v>1526</v>
      </c>
      <c r="E52" s="19">
        <v>1440</v>
      </c>
      <c r="F52" s="19"/>
      <c r="G52" s="18" t="s">
        <v>102</v>
      </c>
      <c r="H52" s="17"/>
      <c r="I52" s="13">
        <v>1100</v>
      </c>
      <c r="J52" s="19">
        <v>383</v>
      </c>
      <c r="K52" s="19">
        <v>717</v>
      </c>
    </row>
    <row r="53" spans="1:11" ht="20.100000000000001" customHeight="1">
      <c r="A53" s="17" t="s">
        <v>103</v>
      </c>
      <c r="B53" s="17"/>
      <c r="C53" s="13">
        <v>16925</v>
      </c>
      <c r="D53" s="14">
        <v>8528</v>
      </c>
      <c r="E53" s="14">
        <v>8397</v>
      </c>
      <c r="F53" s="14"/>
      <c r="G53" s="18" t="s">
        <v>104</v>
      </c>
      <c r="H53" s="17"/>
      <c r="I53" s="13">
        <v>3286</v>
      </c>
      <c r="J53" s="14">
        <v>951</v>
      </c>
      <c r="K53" s="14">
        <v>2335</v>
      </c>
    </row>
    <row r="54" spans="1:11" ht="15" customHeight="1">
      <c r="A54" s="17" t="s">
        <v>105</v>
      </c>
      <c r="B54" s="17"/>
      <c r="C54" s="13">
        <v>3037</v>
      </c>
      <c r="D54" s="19">
        <v>1495</v>
      </c>
      <c r="E54" s="19">
        <v>1542</v>
      </c>
      <c r="F54" s="19"/>
      <c r="G54" s="18" t="s">
        <v>106</v>
      </c>
      <c r="H54" s="17"/>
      <c r="I54" s="13">
        <v>946</v>
      </c>
      <c r="J54" s="19">
        <v>298</v>
      </c>
      <c r="K54" s="19">
        <v>648</v>
      </c>
    </row>
    <row r="55" spans="1:11" ht="15" customHeight="1">
      <c r="A55" s="17" t="s">
        <v>107</v>
      </c>
      <c r="B55" s="17"/>
      <c r="C55" s="13">
        <v>3277</v>
      </c>
      <c r="D55" s="19">
        <v>1644</v>
      </c>
      <c r="E55" s="19">
        <v>1633</v>
      </c>
      <c r="F55" s="19"/>
      <c r="G55" s="18" t="s">
        <v>108</v>
      </c>
      <c r="H55" s="17"/>
      <c r="I55" s="13">
        <v>790</v>
      </c>
      <c r="J55" s="19">
        <v>232</v>
      </c>
      <c r="K55" s="19">
        <v>558</v>
      </c>
    </row>
    <row r="56" spans="1:11" ht="15" customHeight="1">
      <c r="A56" s="17" t="s">
        <v>109</v>
      </c>
      <c r="B56" s="17"/>
      <c r="C56" s="13">
        <v>3371</v>
      </c>
      <c r="D56" s="19">
        <v>1717</v>
      </c>
      <c r="E56" s="19">
        <v>1654</v>
      </c>
      <c r="F56" s="19"/>
      <c r="G56" s="18" t="s">
        <v>110</v>
      </c>
      <c r="H56" s="17"/>
      <c r="I56" s="13">
        <v>626</v>
      </c>
      <c r="J56" s="19">
        <v>182</v>
      </c>
      <c r="K56" s="19">
        <v>444</v>
      </c>
    </row>
    <row r="57" spans="1:11" ht="15" customHeight="1">
      <c r="A57" s="17" t="s">
        <v>111</v>
      </c>
      <c r="B57" s="17"/>
      <c r="C57" s="13">
        <v>3424</v>
      </c>
      <c r="D57" s="19">
        <v>1717</v>
      </c>
      <c r="E57" s="19">
        <v>1707</v>
      </c>
      <c r="F57" s="19"/>
      <c r="G57" s="18" t="s">
        <v>112</v>
      </c>
      <c r="H57" s="17"/>
      <c r="I57" s="13">
        <v>521</v>
      </c>
      <c r="J57" s="19">
        <v>148</v>
      </c>
      <c r="K57" s="19">
        <v>373</v>
      </c>
    </row>
    <row r="58" spans="1:11" ht="15" customHeight="1">
      <c r="A58" s="17" t="s">
        <v>113</v>
      </c>
      <c r="B58" s="17"/>
      <c r="C58" s="13">
        <v>3816</v>
      </c>
      <c r="D58" s="19">
        <v>1955</v>
      </c>
      <c r="E58" s="19">
        <v>1861</v>
      </c>
      <c r="F58" s="19"/>
      <c r="G58" s="18" t="s">
        <v>114</v>
      </c>
      <c r="H58" s="17"/>
      <c r="I58" s="13">
        <v>403</v>
      </c>
      <c r="J58" s="19">
        <v>91</v>
      </c>
      <c r="K58" s="19">
        <v>312</v>
      </c>
    </row>
    <row r="59" spans="1:11" ht="20.100000000000001" customHeight="1">
      <c r="A59" s="17" t="s">
        <v>115</v>
      </c>
      <c r="B59" s="17"/>
      <c r="C59" s="13">
        <v>20133</v>
      </c>
      <c r="D59" s="14">
        <v>10170</v>
      </c>
      <c r="E59" s="14">
        <v>9963</v>
      </c>
      <c r="F59" s="14"/>
      <c r="G59" s="18" t="s">
        <v>116</v>
      </c>
      <c r="H59" s="17"/>
      <c r="I59" s="13">
        <v>831</v>
      </c>
      <c r="J59" s="14">
        <v>168</v>
      </c>
      <c r="K59" s="14">
        <v>663</v>
      </c>
    </row>
    <row r="60" spans="1:11" ht="15" customHeight="1">
      <c r="A60" s="17" t="s">
        <v>117</v>
      </c>
      <c r="B60" s="17"/>
      <c r="C60" s="13">
        <v>4090</v>
      </c>
      <c r="D60" s="19">
        <v>2018</v>
      </c>
      <c r="E60" s="19">
        <v>2072</v>
      </c>
      <c r="F60" s="19"/>
      <c r="G60" s="18" t="s">
        <v>118</v>
      </c>
      <c r="H60" s="17"/>
      <c r="I60" s="13">
        <v>291</v>
      </c>
      <c r="J60" s="19">
        <v>63</v>
      </c>
      <c r="K60" s="19">
        <v>228</v>
      </c>
    </row>
    <row r="61" spans="1:11" ht="15" customHeight="1">
      <c r="A61" s="17" t="s">
        <v>119</v>
      </c>
      <c r="B61" s="17"/>
      <c r="C61" s="13">
        <v>3925</v>
      </c>
      <c r="D61" s="19">
        <v>2004</v>
      </c>
      <c r="E61" s="19">
        <v>1921</v>
      </c>
      <c r="F61" s="19"/>
      <c r="G61" s="18" t="s">
        <v>120</v>
      </c>
      <c r="H61" s="17"/>
      <c r="I61" s="13">
        <v>216</v>
      </c>
      <c r="J61" s="19">
        <v>43</v>
      </c>
      <c r="K61" s="19">
        <v>173</v>
      </c>
    </row>
    <row r="62" spans="1:11" ht="15" customHeight="1">
      <c r="A62" s="17" t="s">
        <v>121</v>
      </c>
      <c r="B62" s="17"/>
      <c r="C62" s="13">
        <v>4105</v>
      </c>
      <c r="D62" s="19">
        <v>2081</v>
      </c>
      <c r="E62" s="19">
        <v>2024</v>
      </c>
      <c r="F62" s="19"/>
      <c r="G62" s="18" t="s">
        <v>122</v>
      </c>
      <c r="H62" s="17"/>
      <c r="I62" s="13">
        <v>162</v>
      </c>
      <c r="J62" s="19">
        <v>35</v>
      </c>
      <c r="K62" s="19">
        <v>127</v>
      </c>
    </row>
    <row r="63" spans="1:11" ht="15" customHeight="1">
      <c r="A63" s="17" t="s">
        <v>123</v>
      </c>
      <c r="B63" s="17"/>
      <c r="C63" s="13">
        <v>4112</v>
      </c>
      <c r="D63" s="19">
        <v>2069</v>
      </c>
      <c r="E63" s="19">
        <v>2043</v>
      </c>
      <c r="F63" s="19"/>
      <c r="G63" s="18" t="s">
        <v>124</v>
      </c>
      <c r="H63" s="17"/>
      <c r="I63" s="13">
        <v>98</v>
      </c>
      <c r="J63" s="19">
        <v>15</v>
      </c>
      <c r="K63" s="19">
        <v>83</v>
      </c>
    </row>
    <row r="64" spans="1:11" ht="15" customHeight="1">
      <c r="A64" s="17" t="s">
        <v>125</v>
      </c>
      <c r="B64" s="17"/>
      <c r="C64" s="13">
        <v>3901</v>
      </c>
      <c r="D64" s="19">
        <v>1998</v>
      </c>
      <c r="E64" s="19">
        <v>1903</v>
      </c>
      <c r="F64" s="19"/>
      <c r="G64" s="18" t="s">
        <v>126</v>
      </c>
      <c r="H64" s="17"/>
      <c r="I64" s="13">
        <v>64</v>
      </c>
      <c r="J64" s="19">
        <v>12</v>
      </c>
      <c r="K64" s="19">
        <v>5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56</v>
      </c>
      <c r="J65" s="19">
        <v>20</v>
      </c>
      <c r="K65" s="19">
        <v>13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32</v>
      </c>
      <c r="J66" s="29">
        <v>334</v>
      </c>
      <c r="K66" s="29">
        <v>298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4" pageOrder="overThenDown" orientation="portrait" blackAndWhite="1" useFirstPageNumber="1" horizontalDpi="300" verticalDpi="300"/>
  <headerFooter scaleWithDoc="0"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1582</v>
      </c>
      <c r="D4" s="14">
        <v>89345</v>
      </c>
      <c r="E4" s="14">
        <v>9223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348</v>
      </c>
      <c r="D5" s="14">
        <v>3716</v>
      </c>
      <c r="E5" s="14">
        <v>3632</v>
      </c>
      <c r="F5" s="14"/>
      <c r="G5" s="18" t="s">
        <v>8</v>
      </c>
      <c r="H5" s="17"/>
      <c r="I5" s="13">
        <v>13809</v>
      </c>
      <c r="J5" s="14">
        <v>7182</v>
      </c>
      <c r="K5" s="14">
        <v>6627</v>
      </c>
    </row>
    <row r="6" spans="1:11" ht="15" customHeight="1">
      <c r="A6" s="17" t="s">
        <v>9</v>
      </c>
      <c r="B6" s="17"/>
      <c r="C6" s="13">
        <v>1449</v>
      </c>
      <c r="D6" s="19">
        <v>730</v>
      </c>
      <c r="E6" s="19">
        <v>719</v>
      </c>
      <c r="F6" s="19"/>
      <c r="G6" s="18" t="s">
        <v>10</v>
      </c>
      <c r="H6" s="17"/>
      <c r="I6" s="13">
        <v>3005</v>
      </c>
      <c r="J6" s="19">
        <v>1592</v>
      </c>
      <c r="K6" s="19">
        <v>1413</v>
      </c>
    </row>
    <row r="7" spans="1:11" ht="15" customHeight="1">
      <c r="A7" s="17" t="s">
        <v>11</v>
      </c>
      <c r="B7" s="17"/>
      <c r="C7" s="13">
        <v>1453</v>
      </c>
      <c r="D7" s="19">
        <v>710</v>
      </c>
      <c r="E7" s="19">
        <v>743</v>
      </c>
      <c r="F7" s="19"/>
      <c r="G7" s="18" t="s">
        <v>12</v>
      </c>
      <c r="H7" s="17"/>
      <c r="I7" s="13">
        <v>3143</v>
      </c>
      <c r="J7" s="19">
        <v>1606</v>
      </c>
      <c r="K7" s="19">
        <v>1537</v>
      </c>
    </row>
    <row r="8" spans="1:11" ht="15" customHeight="1">
      <c r="A8" s="17" t="s">
        <v>13</v>
      </c>
      <c r="B8" s="17"/>
      <c r="C8" s="13">
        <v>1524</v>
      </c>
      <c r="D8" s="19">
        <v>773</v>
      </c>
      <c r="E8" s="19">
        <v>751</v>
      </c>
      <c r="F8" s="19"/>
      <c r="G8" s="18" t="s">
        <v>14</v>
      </c>
      <c r="H8" s="17"/>
      <c r="I8" s="13">
        <v>2192</v>
      </c>
      <c r="J8" s="19">
        <v>1133</v>
      </c>
      <c r="K8" s="19">
        <v>1059</v>
      </c>
    </row>
    <row r="9" spans="1:11" ht="15" customHeight="1">
      <c r="A9" s="17" t="s">
        <v>15</v>
      </c>
      <c r="B9" s="17"/>
      <c r="C9" s="13">
        <v>1472</v>
      </c>
      <c r="D9" s="19">
        <v>764</v>
      </c>
      <c r="E9" s="19">
        <v>708</v>
      </c>
      <c r="F9" s="19"/>
      <c r="G9" s="18" t="s">
        <v>16</v>
      </c>
      <c r="H9" s="17"/>
      <c r="I9" s="13">
        <v>2912</v>
      </c>
      <c r="J9" s="19">
        <v>1493</v>
      </c>
      <c r="K9" s="19">
        <v>1419</v>
      </c>
    </row>
    <row r="10" spans="1:11" ht="15" customHeight="1">
      <c r="A10" s="17" t="s">
        <v>17</v>
      </c>
      <c r="B10" s="17"/>
      <c r="C10" s="13">
        <v>1450</v>
      </c>
      <c r="D10" s="19">
        <v>739</v>
      </c>
      <c r="E10" s="19">
        <v>711</v>
      </c>
      <c r="F10" s="19"/>
      <c r="G10" s="18" t="s">
        <v>18</v>
      </c>
      <c r="H10" s="17"/>
      <c r="I10" s="13">
        <v>2557</v>
      </c>
      <c r="J10" s="19">
        <v>1358</v>
      </c>
      <c r="K10" s="19">
        <v>1199</v>
      </c>
    </row>
    <row r="11" spans="1:11" ht="20.100000000000001" customHeight="1">
      <c r="A11" s="17" t="s">
        <v>19</v>
      </c>
      <c r="B11" s="17"/>
      <c r="C11" s="13">
        <v>7895</v>
      </c>
      <c r="D11" s="14">
        <v>4032</v>
      </c>
      <c r="E11" s="14">
        <v>3863</v>
      </c>
      <c r="F11" s="14"/>
      <c r="G11" s="18" t="s">
        <v>20</v>
      </c>
      <c r="H11" s="17"/>
      <c r="I11" s="13">
        <v>10856</v>
      </c>
      <c r="J11" s="14">
        <v>5541</v>
      </c>
      <c r="K11" s="14">
        <v>5315</v>
      </c>
    </row>
    <row r="12" spans="1:11" ht="15" customHeight="1">
      <c r="A12" s="17" t="s">
        <v>21</v>
      </c>
      <c r="B12" s="17"/>
      <c r="C12" s="13">
        <v>1505</v>
      </c>
      <c r="D12" s="19">
        <v>769</v>
      </c>
      <c r="E12" s="19">
        <v>736</v>
      </c>
      <c r="F12" s="19"/>
      <c r="G12" s="18" t="s">
        <v>22</v>
      </c>
      <c r="H12" s="17"/>
      <c r="I12" s="13">
        <v>2474</v>
      </c>
      <c r="J12" s="19">
        <v>1288</v>
      </c>
      <c r="K12" s="19">
        <v>1186</v>
      </c>
    </row>
    <row r="13" spans="1:11" ht="15" customHeight="1">
      <c r="A13" s="17" t="s">
        <v>23</v>
      </c>
      <c r="B13" s="17"/>
      <c r="C13" s="13">
        <v>1575</v>
      </c>
      <c r="D13" s="19">
        <v>797</v>
      </c>
      <c r="E13" s="19">
        <v>778</v>
      </c>
      <c r="F13" s="19"/>
      <c r="G13" s="18" t="s">
        <v>24</v>
      </c>
      <c r="H13" s="17"/>
      <c r="I13" s="13">
        <v>2183</v>
      </c>
      <c r="J13" s="19">
        <v>1105</v>
      </c>
      <c r="K13" s="19">
        <v>1078</v>
      </c>
    </row>
    <row r="14" spans="1:11" ht="15" customHeight="1">
      <c r="A14" s="17" t="s">
        <v>25</v>
      </c>
      <c r="B14" s="17"/>
      <c r="C14" s="13">
        <v>1573</v>
      </c>
      <c r="D14" s="19">
        <v>798</v>
      </c>
      <c r="E14" s="19">
        <v>775</v>
      </c>
      <c r="F14" s="19"/>
      <c r="G14" s="18" t="s">
        <v>26</v>
      </c>
      <c r="H14" s="17"/>
      <c r="I14" s="13">
        <v>2104</v>
      </c>
      <c r="J14" s="19">
        <v>1072</v>
      </c>
      <c r="K14" s="19">
        <v>1032</v>
      </c>
    </row>
    <row r="15" spans="1:11" ht="15" customHeight="1">
      <c r="A15" s="17" t="s">
        <v>27</v>
      </c>
      <c r="B15" s="17"/>
      <c r="C15" s="13">
        <v>1608</v>
      </c>
      <c r="D15" s="19">
        <v>840</v>
      </c>
      <c r="E15" s="19">
        <v>768</v>
      </c>
      <c r="F15" s="19"/>
      <c r="G15" s="18" t="s">
        <v>28</v>
      </c>
      <c r="H15" s="17"/>
      <c r="I15" s="13">
        <v>2149</v>
      </c>
      <c r="J15" s="19">
        <v>1074</v>
      </c>
      <c r="K15" s="19">
        <v>1075</v>
      </c>
    </row>
    <row r="16" spans="1:11" ht="15" customHeight="1">
      <c r="A16" s="17" t="s">
        <v>29</v>
      </c>
      <c r="B16" s="17"/>
      <c r="C16" s="13">
        <v>1634</v>
      </c>
      <c r="D16" s="19">
        <v>828</v>
      </c>
      <c r="E16" s="19">
        <v>806</v>
      </c>
      <c r="F16" s="19"/>
      <c r="G16" s="18" t="s">
        <v>30</v>
      </c>
      <c r="H16" s="17"/>
      <c r="I16" s="13">
        <v>1946</v>
      </c>
      <c r="J16" s="19">
        <v>1002</v>
      </c>
      <c r="K16" s="19">
        <v>944</v>
      </c>
    </row>
    <row r="17" spans="1:11" ht="20.100000000000001" customHeight="1">
      <c r="A17" s="20" t="s">
        <v>31</v>
      </c>
      <c r="B17" s="20"/>
      <c r="C17" s="13">
        <v>8275</v>
      </c>
      <c r="D17" s="14">
        <v>4259</v>
      </c>
      <c r="E17" s="14">
        <v>4016</v>
      </c>
      <c r="F17" s="14"/>
      <c r="G17" s="18" t="s">
        <v>32</v>
      </c>
      <c r="H17" s="17"/>
      <c r="I17" s="13">
        <v>9254</v>
      </c>
      <c r="J17" s="14">
        <v>4616</v>
      </c>
      <c r="K17" s="14">
        <v>4638</v>
      </c>
    </row>
    <row r="18" spans="1:11" ht="15" customHeight="1">
      <c r="A18" s="17" t="s">
        <v>33</v>
      </c>
      <c r="B18" s="17"/>
      <c r="C18" s="13">
        <v>1618</v>
      </c>
      <c r="D18" s="19">
        <v>875</v>
      </c>
      <c r="E18" s="19">
        <v>743</v>
      </c>
      <c r="F18" s="19"/>
      <c r="G18" s="18" t="s">
        <v>34</v>
      </c>
      <c r="H18" s="17"/>
      <c r="I18" s="13">
        <v>2000</v>
      </c>
      <c r="J18" s="19">
        <v>1026</v>
      </c>
      <c r="K18" s="19">
        <v>974</v>
      </c>
    </row>
    <row r="19" spans="1:11" ht="15" customHeight="1">
      <c r="A19" s="17" t="s">
        <v>35</v>
      </c>
      <c r="B19" s="17"/>
      <c r="C19" s="13">
        <v>1649</v>
      </c>
      <c r="D19" s="19">
        <v>857</v>
      </c>
      <c r="E19" s="19">
        <v>792</v>
      </c>
      <c r="F19" s="19"/>
      <c r="G19" s="18" t="s">
        <v>36</v>
      </c>
      <c r="H19" s="17"/>
      <c r="I19" s="13">
        <v>1738</v>
      </c>
      <c r="J19" s="19">
        <v>844</v>
      </c>
      <c r="K19" s="19">
        <v>894</v>
      </c>
    </row>
    <row r="20" spans="1:11" ht="15" customHeight="1">
      <c r="A20" s="17" t="s">
        <v>37</v>
      </c>
      <c r="B20" s="17"/>
      <c r="C20" s="13">
        <v>1687</v>
      </c>
      <c r="D20" s="19">
        <v>858</v>
      </c>
      <c r="E20" s="19">
        <v>829</v>
      </c>
      <c r="F20" s="19"/>
      <c r="G20" s="18" t="s">
        <v>38</v>
      </c>
      <c r="H20" s="17"/>
      <c r="I20" s="13">
        <v>1828</v>
      </c>
      <c r="J20" s="19">
        <v>900</v>
      </c>
      <c r="K20" s="19">
        <v>928</v>
      </c>
    </row>
    <row r="21" spans="1:11" ht="15" customHeight="1">
      <c r="A21" s="17" t="s">
        <v>39</v>
      </c>
      <c r="B21" s="17"/>
      <c r="C21" s="13">
        <v>1605</v>
      </c>
      <c r="D21" s="19">
        <v>830</v>
      </c>
      <c r="E21" s="19">
        <v>775</v>
      </c>
      <c r="F21" s="19"/>
      <c r="G21" s="18" t="s">
        <v>40</v>
      </c>
      <c r="H21" s="17"/>
      <c r="I21" s="13">
        <v>1817</v>
      </c>
      <c r="J21" s="19">
        <v>923</v>
      </c>
      <c r="K21" s="19">
        <v>894</v>
      </c>
    </row>
    <row r="22" spans="1:11" ht="15" customHeight="1">
      <c r="A22" s="17" t="s">
        <v>41</v>
      </c>
      <c r="B22" s="17"/>
      <c r="C22" s="13">
        <v>1716</v>
      </c>
      <c r="D22" s="19">
        <v>839</v>
      </c>
      <c r="E22" s="19">
        <v>877</v>
      </c>
      <c r="F22" s="19"/>
      <c r="G22" s="18" t="s">
        <v>42</v>
      </c>
      <c r="H22" s="17"/>
      <c r="I22" s="13">
        <v>1871</v>
      </c>
      <c r="J22" s="19">
        <v>923</v>
      </c>
      <c r="K22" s="19">
        <v>948</v>
      </c>
    </row>
    <row r="23" spans="1:11" ht="20.100000000000001" customHeight="1">
      <c r="A23" s="17" t="s">
        <v>43</v>
      </c>
      <c r="B23" s="17"/>
      <c r="C23" s="13">
        <v>9034</v>
      </c>
      <c r="D23" s="14">
        <v>4551</v>
      </c>
      <c r="E23" s="14">
        <v>4483</v>
      </c>
      <c r="F23" s="14"/>
      <c r="G23" s="18" t="s">
        <v>44</v>
      </c>
      <c r="H23" s="17"/>
      <c r="I23" s="13">
        <v>10764</v>
      </c>
      <c r="J23" s="14">
        <v>5170</v>
      </c>
      <c r="K23" s="14">
        <v>5594</v>
      </c>
    </row>
    <row r="24" spans="1:11" ht="15" customHeight="1">
      <c r="A24" s="17" t="s">
        <v>45</v>
      </c>
      <c r="B24" s="17"/>
      <c r="C24" s="13">
        <v>1732</v>
      </c>
      <c r="D24" s="19">
        <v>893</v>
      </c>
      <c r="E24" s="19">
        <v>839</v>
      </c>
      <c r="F24" s="19"/>
      <c r="G24" s="18" t="s">
        <v>46</v>
      </c>
      <c r="H24" s="17"/>
      <c r="I24" s="13">
        <v>1878</v>
      </c>
      <c r="J24" s="19">
        <v>894</v>
      </c>
      <c r="K24" s="19">
        <v>984</v>
      </c>
    </row>
    <row r="25" spans="1:11" ht="15" customHeight="1">
      <c r="A25" s="17" t="s">
        <v>47</v>
      </c>
      <c r="B25" s="17"/>
      <c r="C25" s="13">
        <v>1763</v>
      </c>
      <c r="D25" s="19">
        <v>881</v>
      </c>
      <c r="E25" s="19">
        <v>882</v>
      </c>
      <c r="F25" s="19"/>
      <c r="G25" s="18" t="s">
        <v>48</v>
      </c>
      <c r="H25" s="17"/>
      <c r="I25" s="13">
        <v>1995</v>
      </c>
      <c r="J25" s="19">
        <v>935</v>
      </c>
      <c r="K25" s="19">
        <v>1060</v>
      </c>
    </row>
    <row r="26" spans="1:11" ht="15" customHeight="1">
      <c r="A26" s="17" t="s">
        <v>49</v>
      </c>
      <c r="B26" s="17"/>
      <c r="C26" s="13">
        <v>1848</v>
      </c>
      <c r="D26" s="19">
        <v>938</v>
      </c>
      <c r="E26" s="19">
        <v>910</v>
      </c>
      <c r="F26" s="19"/>
      <c r="G26" s="18" t="s">
        <v>50</v>
      </c>
      <c r="H26" s="17"/>
      <c r="I26" s="13">
        <v>2062</v>
      </c>
      <c r="J26" s="19">
        <v>1037</v>
      </c>
      <c r="K26" s="19">
        <v>1025</v>
      </c>
    </row>
    <row r="27" spans="1:11" ht="15" customHeight="1">
      <c r="A27" s="17" t="s">
        <v>51</v>
      </c>
      <c r="B27" s="17"/>
      <c r="C27" s="13">
        <v>1848</v>
      </c>
      <c r="D27" s="19">
        <v>944</v>
      </c>
      <c r="E27" s="19">
        <v>904</v>
      </c>
      <c r="F27" s="19"/>
      <c r="G27" s="18" t="s">
        <v>52</v>
      </c>
      <c r="H27" s="17"/>
      <c r="I27" s="13">
        <v>2257</v>
      </c>
      <c r="J27" s="19">
        <v>1100</v>
      </c>
      <c r="K27" s="19">
        <v>1157</v>
      </c>
    </row>
    <row r="28" spans="1:11" ht="15" customHeight="1">
      <c r="A28" s="17" t="s">
        <v>53</v>
      </c>
      <c r="B28" s="17"/>
      <c r="C28" s="13">
        <v>1843</v>
      </c>
      <c r="D28" s="19">
        <v>895</v>
      </c>
      <c r="E28" s="19">
        <v>948</v>
      </c>
      <c r="F28" s="19"/>
      <c r="G28" s="18" t="s">
        <v>54</v>
      </c>
      <c r="H28" s="17"/>
      <c r="I28" s="13">
        <v>2572</v>
      </c>
      <c r="J28" s="19">
        <v>1204</v>
      </c>
      <c r="K28" s="19">
        <v>1368</v>
      </c>
    </row>
    <row r="29" spans="1:11" ht="20.100000000000001" customHeight="1">
      <c r="A29" s="17" t="s">
        <v>55</v>
      </c>
      <c r="B29" s="17"/>
      <c r="C29" s="13">
        <v>10005</v>
      </c>
      <c r="D29" s="14">
        <v>4963</v>
      </c>
      <c r="E29" s="14">
        <v>5042</v>
      </c>
      <c r="F29" s="14"/>
      <c r="G29" s="18" t="s">
        <v>56</v>
      </c>
      <c r="H29" s="17"/>
      <c r="I29" s="13">
        <v>10399</v>
      </c>
      <c r="J29" s="14">
        <v>4822</v>
      </c>
      <c r="K29" s="14">
        <v>5577</v>
      </c>
    </row>
    <row r="30" spans="1:11" ht="15" customHeight="1">
      <c r="A30" s="17" t="s">
        <v>57</v>
      </c>
      <c r="B30" s="17"/>
      <c r="C30" s="13">
        <v>1910</v>
      </c>
      <c r="D30" s="19">
        <v>956</v>
      </c>
      <c r="E30" s="19">
        <v>954</v>
      </c>
      <c r="F30" s="19"/>
      <c r="G30" s="18" t="s">
        <v>58</v>
      </c>
      <c r="H30" s="17"/>
      <c r="I30" s="13">
        <v>2543</v>
      </c>
      <c r="J30" s="19">
        <v>1199</v>
      </c>
      <c r="K30" s="19">
        <v>1344</v>
      </c>
    </row>
    <row r="31" spans="1:11" ht="15" customHeight="1">
      <c r="A31" s="17" t="s">
        <v>59</v>
      </c>
      <c r="B31" s="17"/>
      <c r="C31" s="13">
        <v>1940</v>
      </c>
      <c r="D31" s="19">
        <v>983</v>
      </c>
      <c r="E31" s="19">
        <v>957</v>
      </c>
      <c r="F31" s="19"/>
      <c r="G31" s="18" t="s">
        <v>60</v>
      </c>
      <c r="H31" s="17"/>
      <c r="I31" s="13">
        <v>2491</v>
      </c>
      <c r="J31" s="19">
        <v>1145</v>
      </c>
      <c r="K31" s="19">
        <v>1346</v>
      </c>
    </row>
    <row r="32" spans="1:11" ht="15" customHeight="1">
      <c r="A32" s="17" t="s">
        <v>61</v>
      </c>
      <c r="B32" s="17"/>
      <c r="C32" s="13">
        <v>2101</v>
      </c>
      <c r="D32" s="19">
        <v>1070</v>
      </c>
      <c r="E32" s="19">
        <v>1031</v>
      </c>
      <c r="F32" s="19"/>
      <c r="G32" s="18" t="s">
        <v>62</v>
      </c>
      <c r="H32" s="17"/>
      <c r="I32" s="13">
        <v>1794</v>
      </c>
      <c r="J32" s="19">
        <v>844</v>
      </c>
      <c r="K32" s="19">
        <v>950</v>
      </c>
    </row>
    <row r="33" spans="1:11" ht="15" customHeight="1">
      <c r="A33" s="17" t="s">
        <v>63</v>
      </c>
      <c r="B33" s="17"/>
      <c r="C33" s="13">
        <v>2028</v>
      </c>
      <c r="D33" s="19">
        <v>987</v>
      </c>
      <c r="E33" s="19">
        <v>1041</v>
      </c>
      <c r="F33" s="19"/>
      <c r="G33" s="18" t="s">
        <v>64</v>
      </c>
      <c r="H33" s="17"/>
      <c r="I33" s="13">
        <v>1660</v>
      </c>
      <c r="J33" s="19">
        <v>763</v>
      </c>
      <c r="K33" s="19">
        <v>897</v>
      </c>
    </row>
    <row r="34" spans="1:11" ht="15" customHeight="1">
      <c r="A34" s="17" t="s">
        <v>65</v>
      </c>
      <c r="B34" s="17"/>
      <c r="C34" s="13">
        <v>2026</v>
      </c>
      <c r="D34" s="19">
        <v>967</v>
      </c>
      <c r="E34" s="19">
        <v>1059</v>
      </c>
      <c r="F34" s="19"/>
      <c r="G34" s="18" t="s">
        <v>66</v>
      </c>
      <c r="H34" s="17"/>
      <c r="I34" s="13">
        <v>1911</v>
      </c>
      <c r="J34" s="19">
        <v>871</v>
      </c>
      <c r="K34" s="19">
        <v>1040</v>
      </c>
    </row>
    <row r="35" spans="1:11" ht="20.100000000000001" customHeight="1">
      <c r="A35" s="17" t="s">
        <v>67</v>
      </c>
      <c r="B35" s="17"/>
      <c r="C35" s="13">
        <v>9388</v>
      </c>
      <c r="D35" s="14">
        <v>4751</v>
      </c>
      <c r="E35" s="14">
        <v>4637</v>
      </c>
      <c r="F35" s="14"/>
      <c r="G35" s="18" t="s">
        <v>68</v>
      </c>
      <c r="H35" s="17"/>
      <c r="I35" s="13">
        <v>9218</v>
      </c>
      <c r="J35" s="14">
        <v>4205</v>
      </c>
      <c r="K35" s="14">
        <v>5013</v>
      </c>
    </row>
    <row r="36" spans="1:11" ht="15" customHeight="1">
      <c r="A36" s="17" t="s">
        <v>69</v>
      </c>
      <c r="B36" s="17"/>
      <c r="C36" s="13">
        <v>1872</v>
      </c>
      <c r="D36" s="19">
        <v>923</v>
      </c>
      <c r="E36" s="19">
        <v>949</v>
      </c>
      <c r="F36" s="19"/>
      <c r="G36" s="18" t="s">
        <v>70</v>
      </c>
      <c r="H36" s="17"/>
      <c r="I36" s="13">
        <v>2083</v>
      </c>
      <c r="J36" s="19">
        <v>957</v>
      </c>
      <c r="K36" s="19">
        <v>1126</v>
      </c>
    </row>
    <row r="37" spans="1:11" ht="15" customHeight="1">
      <c r="A37" s="17" t="s">
        <v>71</v>
      </c>
      <c r="B37" s="17"/>
      <c r="C37" s="13">
        <v>1892</v>
      </c>
      <c r="D37" s="19">
        <v>969</v>
      </c>
      <c r="E37" s="19">
        <v>923</v>
      </c>
      <c r="F37" s="19"/>
      <c r="G37" s="18" t="s">
        <v>72</v>
      </c>
      <c r="H37" s="17"/>
      <c r="I37" s="13">
        <v>1990</v>
      </c>
      <c r="J37" s="19">
        <v>900</v>
      </c>
      <c r="K37" s="19">
        <v>1090</v>
      </c>
    </row>
    <row r="38" spans="1:11" ht="15" customHeight="1">
      <c r="A38" s="17" t="s">
        <v>73</v>
      </c>
      <c r="B38" s="17"/>
      <c r="C38" s="13">
        <v>1816</v>
      </c>
      <c r="D38" s="19">
        <v>892</v>
      </c>
      <c r="E38" s="19">
        <v>924</v>
      </c>
      <c r="F38" s="19"/>
      <c r="G38" s="18" t="s">
        <v>74</v>
      </c>
      <c r="H38" s="17"/>
      <c r="I38" s="13">
        <v>1931</v>
      </c>
      <c r="J38" s="19">
        <v>866</v>
      </c>
      <c r="K38" s="19">
        <v>1065</v>
      </c>
    </row>
    <row r="39" spans="1:11" ht="15" customHeight="1">
      <c r="A39" s="17" t="s">
        <v>75</v>
      </c>
      <c r="B39" s="17"/>
      <c r="C39" s="13">
        <v>1885</v>
      </c>
      <c r="D39" s="19">
        <v>972</v>
      </c>
      <c r="E39" s="19">
        <v>913</v>
      </c>
      <c r="F39" s="19"/>
      <c r="G39" s="18" t="s">
        <v>76</v>
      </c>
      <c r="H39" s="17"/>
      <c r="I39" s="13">
        <v>1709</v>
      </c>
      <c r="J39" s="19">
        <v>786</v>
      </c>
      <c r="K39" s="19">
        <v>923</v>
      </c>
    </row>
    <row r="40" spans="1:11" ht="15" customHeight="1">
      <c r="A40" s="17" t="s">
        <v>77</v>
      </c>
      <c r="B40" s="17"/>
      <c r="C40" s="13">
        <v>1923</v>
      </c>
      <c r="D40" s="19">
        <v>995</v>
      </c>
      <c r="E40" s="19">
        <v>928</v>
      </c>
      <c r="F40" s="19"/>
      <c r="G40" s="18" t="s">
        <v>78</v>
      </c>
      <c r="H40" s="17"/>
      <c r="I40" s="13">
        <v>1505</v>
      </c>
      <c r="J40" s="19">
        <v>696</v>
      </c>
      <c r="K40" s="19">
        <v>809</v>
      </c>
    </row>
    <row r="41" spans="1:11" ht="20.100000000000001" customHeight="1">
      <c r="A41" s="17" t="s">
        <v>79</v>
      </c>
      <c r="B41" s="17"/>
      <c r="C41" s="13">
        <v>10258</v>
      </c>
      <c r="D41" s="14">
        <v>5192</v>
      </c>
      <c r="E41" s="14">
        <v>5066</v>
      </c>
      <c r="F41" s="14"/>
      <c r="G41" s="18" t="s">
        <v>80</v>
      </c>
      <c r="H41" s="17"/>
      <c r="I41" s="13">
        <v>6734</v>
      </c>
      <c r="J41" s="14">
        <v>2912</v>
      </c>
      <c r="K41" s="14">
        <v>3822</v>
      </c>
    </row>
    <row r="42" spans="1:11" ht="15" customHeight="1">
      <c r="A42" s="17" t="s">
        <v>81</v>
      </c>
      <c r="B42" s="17"/>
      <c r="C42" s="13">
        <v>1907</v>
      </c>
      <c r="D42" s="19">
        <v>1014</v>
      </c>
      <c r="E42" s="19">
        <v>893</v>
      </c>
      <c r="F42" s="19"/>
      <c r="G42" s="18" t="s">
        <v>82</v>
      </c>
      <c r="H42" s="17"/>
      <c r="I42" s="13">
        <v>1437</v>
      </c>
      <c r="J42" s="19">
        <v>659</v>
      </c>
      <c r="K42" s="19">
        <v>778</v>
      </c>
    </row>
    <row r="43" spans="1:11" ht="15" customHeight="1">
      <c r="A43" s="17" t="s">
        <v>83</v>
      </c>
      <c r="B43" s="17"/>
      <c r="C43" s="13">
        <v>1946</v>
      </c>
      <c r="D43" s="19">
        <v>985</v>
      </c>
      <c r="E43" s="19">
        <v>961</v>
      </c>
      <c r="F43" s="19"/>
      <c r="G43" s="18" t="s">
        <v>84</v>
      </c>
      <c r="H43" s="17"/>
      <c r="I43" s="13">
        <v>1534</v>
      </c>
      <c r="J43" s="19">
        <v>694</v>
      </c>
      <c r="K43" s="19">
        <v>840</v>
      </c>
    </row>
    <row r="44" spans="1:11" ht="15" customHeight="1">
      <c r="A44" s="17" t="s">
        <v>85</v>
      </c>
      <c r="B44" s="17"/>
      <c r="C44" s="13">
        <v>2061</v>
      </c>
      <c r="D44" s="19">
        <v>1051</v>
      </c>
      <c r="E44" s="19">
        <v>1010</v>
      </c>
      <c r="F44" s="19"/>
      <c r="G44" s="18" t="s">
        <v>86</v>
      </c>
      <c r="H44" s="17"/>
      <c r="I44" s="13">
        <v>1363</v>
      </c>
      <c r="J44" s="19">
        <v>609</v>
      </c>
      <c r="K44" s="19">
        <v>754</v>
      </c>
    </row>
    <row r="45" spans="1:11" ht="15" customHeight="1">
      <c r="A45" s="17" t="s">
        <v>87</v>
      </c>
      <c r="B45" s="17"/>
      <c r="C45" s="13">
        <v>2092</v>
      </c>
      <c r="D45" s="19">
        <v>1008</v>
      </c>
      <c r="E45" s="19">
        <v>1084</v>
      </c>
      <c r="F45" s="19"/>
      <c r="G45" s="18" t="s">
        <v>88</v>
      </c>
      <c r="H45" s="17"/>
      <c r="I45" s="13">
        <v>1277</v>
      </c>
      <c r="J45" s="19">
        <v>514</v>
      </c>
      <c r="K45" s="19">
        <v>763</v>
      </c>
    </row>
    <row r="46" spans="1:11" ht="15" customHeight="1">
      <c r="A46" s="17" t="s">
        <v>89</v>
      </c>
      <c r="B46" s="17"/>
      <c r="C46" s="13">
        <v>2252</v>
      </c>
      <c r="D46" s="19">
        <v>1134</v>
      </c>
      <c r="E46" s="19">
        <v>1118</v>
      </c>
      <c r="F46" s="19"/>
      <c r="G46" s="18" t="s">
        <v>90</v>
      </c>
      <c r="H46" s="17"/>
      <c r="I46" s="13">
        <v>1123</v>
      </c>
      <c r="J46" s="19">
        <v>436</v>
      </c>
      <c r="K46" s="19">
        <v>687</v>
      </c>
    </row>
    <row r="47" spans="1:11" ht="20.100000000000001" customHeight="1">
      <c r="A47" s="17" t="s">
        <v>91</v>
      </c>
      <c r="B47" s="17"/>
      <c r="C47" s="13">
        <v>11383</v>
      </c>
      <c r="D47" s="14">
        <v>5832</v>
      </c>
      <c r="E47" s="14">
        <v>5551</v>
      </c>
      <c r="F47" s="14"/>
      <c r="G47" s="18" t="s">
        <v>92</v>
      </c>
      <c r="H47" s="17"/>
      <c r="I47" s="13">
        <v>4013</v>
      </c>
      <c r="J47" s="14">
        <v>1496</v>
      </c>
      <c r="K47" s="14">
        <v>2517</v>
      </c>
    </row>
    <row r="48" spans="1:11" ht="15" customHeight="1">
      <c r="A48" s="17" t="s">
        <v>93</v>
      </c>
      <c r="B48" s="17"/>
      <c r="C48" s="13">
        <v>2165</v>
      </c>
      <c r="D48" s="19">
        <v>1096</v>
      </c>
      <c r="E48" s="19">
        <v>1069</v>
      </c>
      <c r="F48" s="19"/>
      <c r="G48" s="18" t="s">
        <v>94</v>
      </c>
      <c r="H48" s="17"/>
      <c r="I48" s="13">
        <v>1026</v>
      </c>
      <c r="J48" s="19">
        <v>430</v>
      </c>
      <c r="K48" s="19">
        <v>596</v>
      </c>
    </row>
    <row r="49" spans="1:11" ht="15" customHeight="1">
      <c r="A49" s="17" t="s">
        <v>95</v>
      </c>
      <c r="B49" s="17"/>
      <c r="C49" s="13">
        <v>2270</v>
      </c>
      <c r="D49" s="19">
        <v>1164</v>
      </c>
      <c r="E49" s="19">
        <v>1106</v>
      </c>
      <c r="F49" s="19"/>
      <c r="G49" s="18" t="s">
        <v>96</v>
      </c>
      <c r="H49" s="17"/>
      <c r="I49" s="13">
        <v>946</v>
      </c>
      <c r="J49" s="19">
        <v>351</v>
      </c>
      <c r="K49" s="19">
        <v>595</v>
      </c>
    </row>
    <row r="50" spans="1:11" ht="15" customHeight="1">
      <c r="A50" s="17" t="s">
        <v>97</v>
      </c>
      <c r="B50" s="17"/>
      <c r="C50" s="13">
        <v>2220</v>
      </c>
      <c r="D50" s="19">
        <v>1131</v>
      </c>
      <c r="E50" s="19">
        <v>1089</v>
      </c>
      <c r="F50" s="19"/>
      <c r="G50" s="18" t="s">
        <v>98</v>
      </c>
      <c r="H50" s="17"/>
      <c r="I50" s="13">
        <v>808</v>
      </c>
      <c r="J50" s="19">
        <v>288</v>
      </c>
      <c r="K50" s="19">
        <v>520</v>
      </c>
    </row>
    <row r="51" spans="1:11" ht="15" customHeight="1">
      <c r="A51" s="17" t="s">
        <v>99</v>
      </c>
      <c r="B51" s="17"/>
      <c r="C51" s="13">
        <v>2326</v>
      </c>
      <c r="D51" s="19">
        <v>1171</v>
      </c>
      <c r="E51" s="19">
        <v>1155</v>
      </c>
      <c r="F51" s="19"/>
      <c r="G51" s="18" t="s">
        <v>100</v>
      </c>
      <c r="H51" s="17"/>
      <c r="I51" s="13">
        <v>666</v>
      </c>
      <c r="J51" s="19">
        <v>229</v>
      </c>
      <c r="K51" s="19">
        <v>437</v>
      </c>
    </row>
    <row r="52" spans="1:11" ht="15" customHeight="1">
      <c r="A52" s="17" t="s">
        <v>101</v>
      </c>
      <c r="B52" s="17"/>
      <c r="C52" s="13">
        <v>2402</v>
      </c>
      <c r="D52" s="19">
        <v>1270</v>
      </c>
      <c r="E52" s="19">
        <v>1132</v>
      </c>
      <c r="F52" s="19"/>
      <c r="G52" s="18" t="s">
        <v>102</v>
      </c>
      <c r="H52" s="17"/>
      <c r="I52" s="13">
        <v>567</v>
      </c>
      <c r="J52" s="19">
        <v>198</v>
      </c>
      <c r="K52" s="19">
        <v>369</v>
      </c>
    </row>
    <row r="53" spans="1:11" ht="20.100000000000001" customHeight="1">
      <c r="A53" s="17" t="s">
        <v>103</v>
      </c>
      <c r="B53" s="17"/>
      <c r="C53" s="13">
        <v>13551</v>
      </c>
      <c r="D53" s="14">
        <v>6935</v>
      </c>
      <c r="E53" s="14">
        <v>6616</v>
      </c>
      <c r="F53" s="14"/>
      <c r="G53" s="18" t="s">
        <v>104</v>
      </c>
      <c r="H53" s="17"/>
      <c r="I53" s="13">
        <v>1846</v>
      </c>
      <c r="J53" s="14">
        <v>492</v>
      </c>
      <c r="K53" s="14">
        <v>1354</v>
      </c>
    </row>
    <row r="54" spans="1:11" ht="15" customHeight="1">
      <c r="A54" s="17" t="s">
        <v>105</v>
      </c>
      <c r="B54" s="17"/>
      <c r="C54" s="13">
        <v>2442</v>
      </c>
      <c r="D54" s="19">
        <v>1294</v>
      </c>
      <c r="E54" s="19">
        <v>1148</v>
      </c>
      <c r="F54" s="19"/>
      <c r="G54" s="18" t="s">
        <v>106</v>
      </c>
      <c r="H54" s="17"/>
      <c r="I54" s="13">
        <v>509</v>
      </c>
      <c r="J54" s="19">
        <v>162</v>
      </c>
      <c r="K54" s="19">
        <v>347</v>
      </c>
    </row>
    <row r="55" spans="1:11" ht="15" customHeight="1">
      <c r="A55" s="17" t="s">
        <v>107</v>
      </c>
      <c r="B55" s="17"/>
      <c r="C55" s="13">
        <v>2632</v>
      </c>
      <c r="D55" s="19">
        <v>1347</v>
      </c>
      <c r="E55" s="19">
        <v>1285</v>
      </c>
      <c r="F55" s="19"/>
      <c r="G55" s="18" t="s">
        <v>108</v>
      </c>
      <c r="H55" s="17"/>
      <c r="I55" s="13">
        <v>403</v>
      </c>
      <c r="J55" s="19">
        <v>103</v>
      </c>
      <c r="K55" s="19">
        <v>300</v>
      </c>
    </row>
    <row r="56" spans="1:11" ht="15" customHeight="1">
      <c r="A56" s="17" t="s">
        <v>109</v>
      </c>
      <c r="B56" s="17"/>
      <c r="C56" s="13">
        <v>2681</v>
      </c>
      <c r="D56" s="19">
        <v>1349</v>
      </c>
      <c r="E56" s="19">
        <v>1332</v>
      </c>
      <c r="F56" s="19"/>
      <c r="G56" s="18" t="s">
        <v>110</v>
      </c>
      <c r="H56" s="17"/>
      <c r="I56" s="13">
        <v>385</v>
      </c>
      <c r="J56" s="19">
        <v>107</v>
      </c>
      <c r="K56" s="19">
        <v>278</v>
      </c>
    </row>
    <row r="57" spans="1:11" ht="15" customHeight="1">
      <c r="A57" s="17" t="s">
        <v>111</v>
      </c>
      <c r="B57" s="17"/>
      <c r="C57" s="13">
        <v>2728</v>
      </c>
      <c r="D57" s="19">
        <v>1394</v>
      </c>
      <c r="E57" s="19">
        <v>1334</v>
      </c>
      <c r="F57" s="19"/>
      <c r="G57" s="18" t="s">
        <v>112</v>
      </c>
      <c r="H57" s="17"/>
      <c r="I57" s="13">
        <v>314</v>
      </c>
      <c r="J57" s="19">
        <v>65</v>
      </c>
      <c r="K57" s="19">
        <v>249</v>
      </c>
    </row>
    <row r="58" spans="1:11" ht="15" customHeight="1">
      <c r="A58" s="17" t="s">
        <v>113</v>
      </c>
      <c r="B58" s="17"/>
      <c r="C58" s="13">
        <v>3068</v>
      </c>
      <c r="D58" s="19">
        <v>1551</v>
      </c>
      <c r="E58" s="19">
        <v>1517</v>
      </c>
      <c r="F58" s="19"/>
      <c r="G58" s="18" t="s">
        <v>114</v>
      </c>
      <c r="H58" s="17"/>
      <c r="I58" s="13">
        <v>235</v>
      </c>
      <c r="J58" s="19">
        <v>55</v>
      </c>
      <c r="K58" s="19">
        <v>180</v>
      </c>
    </row>
    <row r="59" spans="1:11" ht="20.100000000000001" customHeight="1">
      <c r="A59" s="17" t="s">
        <v>115</v>
      </c>
      <c r="B59" s="17"/>
      <c r="C59" s="13">
        <v>15882</v>
      </c>
      <c r="D59" s="14">
        <v>8061</v>
      </c>
      <c r="E59" s="14">
        <v>7821</v>
      </c>
      <c r="F59" s="14"/>
      <c r="G59" s="18" t="s">
        <v>116</v>
      </c>
      <c r="H59" s="17"/>
      <c r="I59" s="13">
        <v>691</v>
      </c>
      <c r="J59" s="14">
        <v>101</v>
      </c>
      <c r="K59" s="14">
        <v>590</v>
      </c>
    </row>
    <row r="60" spans="1:11" ht="15" customHeight="1">
      <c r="A60" s="17" t="s">
        <v>117</v>
      </c>
      <c r="B60" s="17"/>
      <c r="C60" s="13">
        <v>3114</v>
      </c>
      <c r="D60" s="19">
        <v>1543</v>
      </c>
      <c r="E60" s="19">
        <v>1571</v>
      </c>
      <c r="F60" s="19"/>
      <c r="G60" s="18" t="s">
        <v>118</v>
      </c>
      <c r="H60" s="17"/>
      <c r="I60" s="13">
        <v>223</v>
      </c>
      <c r="J60" s="19">
        <v>44</v>
      </c>
      <c r="K60" s="19">
        <v>179</v>
      </c>
    </row>
    <row r="61" spans="1:11" ht="15" customHeight="1">
      <c r="A61" s="17" t="s">
        <v>119</v>
      </c>
      <c r="B61" s="17"/>
      <c r="C61" s="13">
        <v>3202</v>
      </c>
      <c r="D61" s="19">
        <v>1606</v>
      </c>
      <c r="E61" s="19">
        <v>1596</v>
      </c>
      <c r="F61" s="19"/>
      <c r="G61" s="18" t="s">
        <v>120</v>
      </c>
      <c r="H61" s="17"/>
      <c r="I61" s="13">
        <v>137</v>
      </c>
      <c r="J61" s="19">
        <v>12</v>
      </c>
      <c r="K61" s="19">
        <v>125</v>
      </c>
    </row>
    <row r="62" spans="1:11" ht="15" customHeight="1">
      <c r="A62" s="17" t="s">
        <v>121</v>
      </c>
      <c r="B62" s="17"/>
      <c r="C62" s="13">
        <v>3239</v>
      </c>
      <c r="D62" s="19">
        <v>1599</v>
      </c>
      <c r="E62" s="19">
        <v>1640</v>
      </c>
      <c r="F62" s="19"/>
      <c r="G62" s="18" t="s">
        <v>122</v>
      </c>
      <c r="H62" s="17"/>
      <c r="I62" s="13">
        <v>142</v>
      </c>
      <c r="J62" s="19">
        <v>22</v>
      </c>
      <c r="K62" s="19">
        <v>120</v>
      </c>
    </row>
    <row r="63" spans="1:11" ht="15" customHeight="1">
      <c r="A63" s="17" t="s">
        <v>123</v>
      </c>
      <c r="B63" s="17"/>
      <c r="C63" s="13">
        <v>3175</v>
      </c>
      <c r="D63" s="19">
        <v>1636</v>
      </c>
      <c r="E63" s="19">
        <v>1539</v>
      </c>
      <c r="F63" s="19"/>
      <c r="G63" s="18" t="s">
        <v>124</v>
      </c>
      <c r="H63" s="17"/>
      <c r="I63" s="13">
        <v>109</v>
      </c>
      <c r="J63" s="19">
        <v>12</v>
      </c>
      <c r="K63" s="19">
        <v>97</v>
      </c>
    </row>
    <row r="64" spans="1:11" ht="15" customHeight="1">
      <c r="A64" s="17" t="s">
        <v>125</v>
      </c>
      <c r="B64" s="17"/>
      <c r="C64" s="13">
        <v>3152</v>
      </c>
      <c r="D64" s="19">
        <v>1677</v>
      </c>
      <c r="E64" s="19">
        <v>1475</v>
      </c>
      <c r="F64" s="19"/>
      <c r="G64" s="18" t="s">
        <v>126</v>
      </c>
      <c r="H64" s="17"/>
      <c r="I64" s="13">
        <v>80</v>
      </c>
      <c r="J64" s="19">
        <v>11</v>
      </c>
      <c r="K64" s="19">
        <v>6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31</v>
      </c>
      <c r="J65" s="19">
        <v>13</v>
      </c>
      <c r="K65" s="19">
        <v>11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48</v>
      </c>
      <c r="J66" s="29">
        <v>503</v>
      </c>
      <c r="K66" s="29">
        <v>34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5" pageOrder="overThenDown" orientation="portrait" blackAndWhite="1" useFirstPageNumber="1" horizontalDpi="300" verticalDpi="300"/>
  <headerFooter scaleWithDoc="0"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22647</v>
      </c>
      <c r="D4" s="14">
        <v>59779</v>
      </c>
      <c r="E4" s="14">
        <v>6286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288</v>
      </c>
      <c r="D5" s="14">
        <v>2204</v>
      </c>
      <c r="E5" s="14">
        <v>2084</v>
      </c>
      <c r="F5" s="14"/>
      <c r="G5" s="18" t="s">
        <v>8</v>
      </c>
      <c r="H5" s="17"/>
      <c r="I5" s="13">
        <v>9024</v>
      </c>
      <c r="J5" s="14">
        <v>4622</v>
      </c>
      <c r="K5" s="14">
        <v>4402</v>
      </c>
    </row>
    <row r="6" spans="1:11" ht="15" customHeight="1">
      <c r="A6" s="17" t="s">
        <v>9</v>
      </c>
      <c r="B6" s="17"/>
      <c r="C6" s="13">
        <v>825</v>
      </c>
      <c r="D6" s="19">
        <v>440</v>
      </c>
      <c r="E6" s="19">
        <v>385</v>
      </c>
      <c r="F6" s="19"/>
      <c r="G6" s="18" t="s">
        <v>10</v>
      </c>
      <c r="H6" s="17"/>
      <c r="I6" s="13">
        <v>2047</v>
      </c>
      <c r="J6" s="19">
        <v>1054</v>
      </c>
      <c r="K6" s="19">
        <v>993</v>
      </c>
    </row>
    <row r="7" spans="1:11" ht="15" customHeight="1">
      <c r="A7" s="17" t="s">
        <v>11</v>
      </c>
      <c r="B7" s="17"/>
      <c r="C7" s="13">
        <v>800</v>
      </c>
      <c r="D7" s="19">
        <v>423</v>
      </c>
      <c r="E7" s="19">
        <v>377</v>
      </c>
      <c r="F7" s="19"/>
      <c r="G7" s="18" t="s">
        <v>12</v>
      </c>
      <c r="H7" s="17"/>
      <c r="I7" s="13">
        <v>2005</v>
      </c>
      <c r="J7" s="19">
        <v>1017</v>
      </c>
      <c r="K7" s="19">
        <v>988</v>
      </c>
    </row>
    <row r="8" spans="1:11" ht="15" customHeight="1">
      <c r="A8" s="17" t="s">
        <v>13</v>
      </c>
      <c r="B8" s="17"/>
      <c r="C8" s="13">
        <v>917</v>
      </c>
      <c r="D8" s="19">
        <v>474</v>
      </c>
      <c r="E8" s="19">
        <v>443</v>
      </c>
      <c r="F8" s="19"/>
      <c r="G8" s="18" t="s">
        <v>14</v>
      </c>
      <c r="H8" s="17"/>
      <c r="I8" s="13">
        <v>1528</v>
      </c>
      <c r="J8" s="19">
        <v>780</v>
      </c>
      <c r="K8" s="19">
        <v>748</v>
      </c>
    </row>
    <row r="9" spans="1:11" ht="15" customHeight="1">
      <c r="A9" s="17" t="s">
        <v>15</v>
      </c>
      <c r="B9" s="17"/>
      <c r="C9" s="13">
        <v>887</v>
      </c>
      <c r="D9" s="19">
        <v>432</v>
      </c>
      <c r="E9" s="19">
        <v>455</v>
      </c>
      <c r="F9" s="19"/>
      <c r="G9" s="18" t="s">
        <v>16</v>
      </c>
      <c r="H9" s="17"/>
      <c r="I9" s="13">
        <v>1829</v>
      </c>
      <c r="J9" s="19">
        <v>929</v>
      </c>
      <c r="K9" s="19">
        <v>900</v>
      </c>
    </row>
    <row r="10" spans="1:11" ht="15" customHeight="1">
      <c r="A10" s="17" t="s">
        <v>17</v>
      </c>
      <c r="B10" s="17"/>
      <c r="C10" s="13">
        <v>859</v>
      </c>
      <c r="D10" s="19">
        <v>435</v>
      </c>
      <c r="E10" s="19">
        <v>424</v>
      </c>
      <c r="F10" s="19"/>
      <c r="G10" s="18" t="s">
        <v>18</v>
      </c>
      <c r="H10" s="17"/>
      <c r="I10" s="13">
        <v>1615</v>
      </c>
      <c r="J10" s="19">
        <v>842</v>
      </c>
      <c r="K10" s="19">
        <v>773</v>
      </c>
    </row>
    <row r="11" spans="1:11" ht="20.100000000000001" customHeight="1">
      <c r="A11" s="17" t="s">
        <v>19</v>
      </c>
      <c r="B11" s="17"/>
      <c r="C11" s="13">
        <v>4971</v>
      </c>
      <c r="D11" s="14">
        <v>2518</v>
      </c>
      <c r="E11" s="14">
        <v>2453</v>
      </c>
      <c r="F11" s="14"/>
      <c r="G11" s="18" t="s">
        <v>20</v>
      </c>
      <c r="H11" s="17"/>
      <c r="I11" s="13">
        <v>7202</v>
      </c>
      <c r="J11" s="14">
        <v>3669</v>
      </c>
      <c r="K11" s="14">
        <v>3533</v>
      </c>
    </row>
    <row r="12" spans="1:11" ht="15" customHeight="1">
      <c r="A12" s="17" t="s">
        <v>21</v>
      </c>
      <c r="B12" s="17"/>
      <c r="C12" s="13">
        <v>952</v>
      </c>
      <c r="D12" s="19">
        <v>479</v>
      </c>
      <c r="E12" s="19">
        <v>473</v>
      </c>
      <c r="F12" s="19"/>
      <c r="G12" s="18" t="s">
        <v>22</v>
      </c>
      <c r="H12" s="17"/>
      <c r="I12" s="13">
        <v>1630</v>
      </c>
      <c r="J12" s="19">
        <v>869</v>
      </c>
      <c r="K12" s="19">
        <v>761</v>
      </c>
    </row>
    <row r="13" spans="1:11" ht="15" customHeight="1">
      <c r="A13" s="17" t="s">
        <v>23</v>
      </c>
      <c r="B13" s="17"/>
      <c r="C13" s="13">
        <v>973</v>
      </c>
      <c r="D13" s="19">
        <v>484</v>
      </c>
      <c r="E13" s="19">
        <v>489</v>
      </c>
      <c r="F13" s="19"/>
      <c r="G13" s="18" t="s">
        <v>24</v>
      </c>
      <c r="H13" s="17"/>
      <c r="I13" s="13">
        <v>1527</v>
      </c>
      <c r="J13" s="19">
        <v>761</v>
      </c>
      <c r="K13" s="19">
        <v>766</v>
      </c>
    </row>
    <row r="14" spans="1:11" ht="15" customHeight="1">
      <c r="A14" s="17" t="s">
        <v>25</v>
      </c>
      <c r="B14" s="17"/>
      <c r="C14" s="13">
        <v>965</v>
      </c>
      <c r="D14" s="19">
        <v>506</v>
      </c>
      <c r="E14" s="19">
        <v>459</v>
      </c>
      <c r="F14" s="19"/>
      <c r="G14" s="18" t="s">
        <v>26</v>
      </c>
      <c r="H14" s="17"/>
      <c r="I14" s="13">
        <v>1402</v>
      </c>
      <c r="J14" s="19">
        <v>690</v>
      </c>
      <c r="K14" s="19">
        <v>712</v>
      </c>
    </row>
    <row r="15" spans="1:11" ht="15" customHeight="1">
      <c r="A15" s="17" t="s">
        <v>27</v>
      </c>
      <c r="B15" s="17"/>
      <c r="C15" s="13">
        <v>1009</v>
      </c>
      <c r="D15" s="19">
        <v>515</v>
      </c>
      <c r="E15" s="19">
        <v>494</v>
      </c>
      <c r="F15" s="19"/>
      <c r="G15" s="18" t="s">
        <v>28</v>
      </c>
      <c r="H15" s="17"/>
      <c r="I15" s="13">
        <v>1359</v>
      </c>
      <c r="J15" s="19">
        <v>673</v>
      </c>
      <c r="K15" s="19">
        <v>686</v>
      </c>
    </row>
    <row r="16" spans="1:11" ht="15" customHeight="1">
      <c r="A16" s="17" t="s">
        <v>29</v>
      </c>
      <c r="B16" s="17"/>
      <c r="C16" s="13">
        <v>1072</v>
      </c>
      <c r="D16" s="19">
        <v>534</v>
      </c>
      <c r="E16" s="19">
        <v>538</v>
      </c>
      <c r="F16" s="19"/>
      <c r="G16" s="18" t="s">
        <v>30</v>
      </c>
      <c r="H16" s="17"/>
      <c r="I16" s="13">
        <v>1284</v>
      </c>
      <c r="J16" s="19">
        <v>676</v>
      </c>
      <c r="K16" s="19">
        <v>608</v>
      </c>
    </row>
    <row r="17" spans="1:11" ht="20.100000000000001" customHeight="1">
      <c r="A17" s="20" t="s">
        <v>31</v>
      </c>
      <c r="B17" s="20"/>
      <c r="C17" s="13">
        <v>5748</v>
      </c>
      <c r="D17" s="14">
        <v>2964</v>
      </c>
      <c r="E17" s="14">
        <v>2784</v>
      </c>
      <c r="F17" s="14"/>
      <c r="G17" s="18" t="s">
        <v>32</v>
      </c>
      <c r="H17" s="17"/>
      <c r="I17" s="13">
        <v>6404</v>
      </c>
      <c r="J17" s="14">
        <v>3136</v>
      </c>
      <c r="K17" s="14">
        <v>3268</v>
      </c>
    </row>
    <row r="18" spans="1:11" ht="15" customHeight="1">
      <c r="A18" s="17" t="s">
        <v>33</v>
      </c>
      <c r="B18" s="17"/>
      <c r="C18" s="13">
        <v>1103</v>
      </c>
      <c r="D18" s="19">
        <v>565</v>
      </c>
      <c r="E18" s="19">
        <v>538</v>
      </c>
      <c r="F18" s="19"/>
      <c r="G18" s="18" t="s">
        <v>34</v>
      </c>
      <c r="H18" s="17"/>
      <c r="I18" s="13">
        <v>1374</v>
      </c>
      <c r="J18" s="19">
        <v>689</v>
      </c>
      <c r="K18" s="19">
        <v>685</v>
      </c>
    </row>
    <row r="19" spans="1:11" ht="15" customHeight="1">
      <c r="A19" s="17" t="s">
        <v>35</v>
      </c>
      <c r="B19" s="17"/>
      <c r="C19" s="13">
        <v>1119</v>
      </c>
      <c r="D19" s="19">
        <v>604</v>
      </c>
      <c r="E19" s="19">
        <v>515</v>
      </c>
      <c r="F19" s="19"/>
      <c r="G19" s="18" t="s">
        <v>36</v>
      </c>
      <c r="H19" s="17"/>
      <c r="I19" s="13">
        <v>1188</v>
      </c>
      <c r="J19" s="19">
        <v>588</v>
      </c>
      <c r="K19" s="19">
        <v>600</v>
      </c>
    </row>
    <row r="20" spans="1:11" ht="15" customHeight="1">
      <c r="A20" s="17" t="s">
        <v>37</v>
      </c>
      <c r="B20" s="17"/>
      <c r="C20" s="13">
        <v>1159</v>
      </c>
      <c r="D20" s="19">
        <v>568</v>
      </c>
      <c r="E20" s="19">
        <v>591</v>
      </c>
      <c r="F20" s="19"/>
      <c r="G20" s="18" t="s">
        <v>38</v>
      </c>
      <c r="H20" s="17"/>
      <c r="I20" s="13">
        <v>1215</v>
      </c>
      <c r="J20" s="19">
        <v>584</v>
      </c>
      <c r="K20" s="19">
        <v>631</v>
      </c>
    </row>
    <row r="21" spans="1:11" ht="15" customHeight="1">
      <c r="A21" s="17" t="s">
        <v>39</v>
      </c>
      <c r="B21" s="17"/>
      <c r="C21" s="13">
        <v>1170</v>
      </c>
      <c r="D21" s="19">
        <v>611</v>
      </c>
      <c r="E21" s="19">
        <v>559</v>
      </c>
      <c r="F21" s="19"/>
      <c r="G21" s="18" t="s">
        <v>40</v>
      </c>
      <c r="H21" s="17"/>
      <c r="I21" s="13">
        <v>1273</v>
      </c>
      <c r="J21" s="19">
        <v>620</v>
      </c>
      <c r="K21" s="19">
        <v>653</v>
      </c>
    </row>
    <row r="22" spans="1:11" ht="15" customHeight="1">
      <c r="A22" s="17" t="s">
        <v>41</v>
      </c>
      <c r="B22" s="17"/>
      <c r="C22" s="13">
        <v>1197</v>
      </c>
      <c r="D22" s="19">
        <v>616</v>
      </c>
      <c r="E22" s="19">
        <v>581</v>
      </c>
      <c r="F22" s="19"/>
      <c r="G22" s="18" t="s">
        <v>42</v>
      </c>
      <c r="H22" s="17"/>
      <c r="I22" s="13">
        <v>1354</v>
      </c>
      <c r="J22" s="19">
        <v>655</v>
      </c>
      <c r="K22" s="19">
        <v>699</v>
      </c>
    </row>
    <row r="23" spans="1:11" ht="20.100000000000001" customHeight="1">
      <c r="A23" s="17" t="s">
        <v>43</v>
      </c>
      <c r="B23" s="17"/>
      <c r="C23" s="13">
        <v>6400</v>
      </c>
      <c r="D23" s="14">
        <v>3224</v>
      </c>
      <c r="E23" s="14">
        <v>3176</v>
      </c>
      <c r="F23" s="14"/>
      <c r="G23" s="18" t="s">
        <v>44</v>
      </c>
      <c r="H23" s="17"/>
      <c r="I23" s="13">
        <v>7870</v>
      </c>
      <c r="J23" s="14">
        <v>3725</v>
      </c>
      <c r="K23" s="14">
        <v>4145</v>
      </c>
    </row>
    <row r="24" spans="1:11" ht="15" customHeight="1">
      <c r="A24" s="17" t="s">
        <v>45</v>
      </c>
      <c r="B24" s="17"/>
      <c r="C24" s="13">
        <v>1254</v>
      </c>
      <c r="D24" s="19">
        <v>630</v>
      </c>
      <c r="E24" s="19">
        <v>624</v>
      </c>
      <c r="F24" s="19"/>
      <c r="G24" s="18" t="s">
        <v>46</v>
      </c>
      <c r="H24" s="17"/>
      <c r="I24" s="13">
        <v>1306</v>
      </c>
      <c r="J24" s="19">
        <v>659</v>
      </c>
      <c r="K24" s="19">
        <v>647</v>
      </c>
    </row>
    <row r="25" spans="1:11" ht="15" customHeight="1">
      <c r="A25" s="17" t="s">
        <v>47</v>
      </c>
      <c r="B25" s="17"/>
      <c r="C25" s="13">
        <v>1271</v>
      </c>
      <c r="D25" s="19">
        <v>630</v>
      </c>
      <c r="E25" s="19">
        <v>641</v>
      </c>
      <c r="F25" s="19"/>
      <c r="G25" s="18" t="s">
        <v>48</v>
      </c>
      <c r="H25" s="17"/>
      <c r="I25" s="13">
        <v>1476</v>
      </c>
      <c r="J25" s="19">
        <v>697</v>
      </c>
      <c r="K25" s="19">
        <v>779</v>
      </c>
    </row>
    <row r="26" spans="1:11" ht="15" customHeight="1">
      <c r="A26" s="17" t="s">
        <v>49</v>
      </c>
      <c r="B26" s="17"/>
      <c r="C26" s="13">
        <v>1308</v>
      </c>
      <c r="D26" s="19">
        <v>658</v>
      </c>
      <c r="E26" s="19">
        <v>650</v>
      </c>
      <c r="F26" s="19"/>
      <c r="G26" s="18" t="s">
        <v>50</v>
      </c>
      <c r="H26" s="17"/>
      <c r="I26" s="13">
        <v>1476</v>
      </c>
      <c r="J26" s="19">
        <v>705</v>
      </c>
      <c r="K26" s="19">
        <v>771</v>
      </c>
    </row>
    <row r="27" spans="1:11" ht="15" customHeight="1">
      <c r="A27" s="17" t="s">
        <v>51</v>
      </c>
      <c r="B27" s="17"/>
      <c r="C27" s="13">
        <v>1329</v>
      </c>
      <c r="D27" s="19">
        <v>684</v>
      </c>
      <c r="E27" s="19">
        <v>645</v>
      </c>
      <c r="F27" s="19"/>
      <c r="G27" s="18" t="s">
        <v>52</v>
      </c>
      <c r="H27" s="17"/>
      <c r="I27" s="13">
        <v>1652</v>
      </c>
      <c r="J27" s="19">
        <v>774</v>
      </c>
      <c r="K27" s="19">
        <v>878</v>
      </c>
    </row>
    <row r="28" spans="1:11" ht="15" customHeight="1">
      <c r="A28" s="17" t="s">
        <v>53</v>
      </c>
      <c r="B28" s="17"/>
      <c r="C28" s="13">
        <v>1238</v>
      </c>
      <c r="D28" s="19">
        <v>622</v>
      </c>
      <c r="E28" s="19">
        <v>616</v>
      </c>
      <c r="F28" s="19"/>
      <c r="G28" s="18" t="s">
        <v>54</v>
      </c>
      <c r="H28" s="17"/>
      <c r="I28" s="13">
        <v>1960</v>
      </c>
      <c r="J28" s="19">
        <v>890</v>
      </c>
      <c r="K28" s="19">
        <v>1070</v>
      </c>
    </row>
    <row r="29" spans="1:11" ht="20.100000000000001" customHeight="1">
      <c r="A29" s="17" t="s">
        <v>55</v>
      </c>
      <c r="B29" s="17"/>
      <c r="C29" s="13">
        <v>6329</v>
      </c>
      <c r="D29" s="14">
        <v>3217</v>
      </c>
      <c r="E29" s="14">
        <v>3112</v>
      </c>
      <c r="F29" s="14"/>
      <c r="G29" s="18" t="s">
        <v>56</v>
      </c>
      <c r="H29" s="17"/>
      <c r="I29" s="13">
        <v>7786</v>
      </c>
      <c r="J29" s="14">
        <v>3516</v>
      </c>
      <c r="K29" s="14">
        <v>4270</v>
      </c>
    </row>
    <row r="30" spans="1:11" ht="15" customHeight="1">
      <c r="A30" s="17" t="s">
        <v>57</v>
      </c>
      <c r="B30" s="17"/>
      <c r="C30" s="13">
        <v>1412</v>
      </c>
      <c r="D30" s="19">
        <v>732</v>
      </c>
      <c r="E30" s="19">
        <v>680</v>
      </c>
      <c r="F30" s="19"/>
      <c r="G30" s="18" t="s">
        <v>58</v>
      </c>
      <c r="H30" s="17"/>
      <c r="I30" s="13">
        <v>1889</v>
      </c>
      <c r="J30" s="19">
        <v>870</v>
      </c>
      <c r="K30" s="19">
        <v>1019</v>
      </c>
    </row>
    <row r="31" spans="1:11" ht="15" customHeight="1">
      <c r="A31" s="17" t="s">
        <v>59</v>
      </c>
      <c r="B31" s="17"/>
      <c r="C31" s="13">
        <v>1330</v>
      </c>
      <c r="D31" s="19">
        <v>667</v>
      </c>
      <c r="E31" s="19">
        <v>663</v>
      </c>
      <c r="F31" s="19"/>
      <c r="G31" s="18" t="s">
        <v>60</v>
      </c>
      <c r="H31" s="17"/>
      <c r="I31" s="13">
        <v>1905</v>
      </c>
      <c r="J31" s="19">
        <v>836</v>
      </c>
      <c r="K31" s="19">
        <v>1069</v>
      </c>
    </row>
    <row r="32" spans="1:11" ht="15" customHeight="1">
      <c r="A32" s="17" t="s">
        <v>61</v>
      </c>
      <c r="B32" s="17"/>
      <c r="C32" s="13">
        <v>1232</v>
      </c>
      <c r="D32" s="19">
        <v>617</v>
      </c>
      <c r="E32" s="19">
        <v>615</v>
      </c>
      <c r="F32" s="19"/>
      <c r="G32" s="18" t="s">
        <v>62</v>
      </c>
      <c r="H32" s="17"/>
      <c r="I32" s="13">
        <v>1263</v>
      </c>
      <c r="J32" s="19">
        <v>606</v>
      </c>
      <c r="K32" s="19">
        <v>657</v>
      </c>
    </row>
    <row r="33" spans="1:11" ht="15" customHeight="1">
      <c r="A33" s="17" t="s">
        <v>63</v>
      </c>
      <c r="B33" s="17"/>
      <c r="C33" s="13">
        <v>1163</v>
      </c>
      <c r="D33" s="19">
        <v>589</v>
      </c>
      <c r="E33" s="19">
        <v>574</v>
      </c>
      <c r="F33" s="19"/>
      <c r="G33" s="18" t="s">
        <v>64</v>
      </c>
      <c r="H33" s="17"/>
      <c r="I33" s="13">
        <v>1179</v>
      </c>
      <c r="J33" s="19">
        <v>504</v>
      </c>
      <c r="K33" s="19">
        <v>675</v>
      </c>
    </row>
    <row r="34" spans="1:11" ht="15" customHeight="1">
      <c r="A34" s="17" t="s">
        <v>65</v>
      </c>
      <c r="B34" s="17"/>
      <c r="C34" s="13">
        <v>1192</v>
      </c>
      <c r="D34" s="19">
        <v>612</v>
      </c>
      <c r="E34" s="19">
        <v>580</v>
      </c>
      <c r="F34" s="19"/>
      <c r="G34" s="18" t="s">
        <v>66</v>
      </c>
      <c r="H34" s="17"/>
      <c r="I34" s="13">
        <v>1550</v>
      </c>
      <c r="J34" s="19">
        <v>700</v>
      </c>
      <c r="K34" s="19">
        <v>850</v>
      </c>
    </row>
    <row r="35" spans="1:11" ht="20.100000000000001" customHeight="1">
      <c r="A35" s="17" t="s">
        <v>67</v>
      </c>
      <c r="B35" s="17"/>
      <c r="C35" s="13">
        <v>5506</v>
      </c>
      <c r="D35" s="14">
        <v>2811</v>
      </c>
      <c r="E35" s="14">
        <v>2695</v>
      </c>
      <c r="F35" s="14"/>
      <c r="G35" s="18" t="s">
        <v>68</v>
      </c>
      <c r="H35" s="17"/>
      <c r="I35" s="13">
        <v>7671</v>
      </c>
      <c r="J35" s="14">
        <v>3421</v>
      </c>
      <c r="K35" s="14">
        <v>4250</v>
      </c>
    </row>
    <row r="36" spans="1:11" ht="15" customHeight="1">
      <c r="A36" s="17" t="s">
        <v>69</v>
      </c>
      <c r="B36" s="17"/>
      <c r="C36" s="13">
        <v>1071</v>
      </c>
      <c r="D36" s="19">
        <v>551</v>
      </c>
      <c r="E36" s="19">
        <v>520</v>
      </c>
      <c r="F36" s="19"/>
      <c r="G36" s="18" t="s">
        <v>70</v>
      </c>
      <c r="H36" s="17"/>
      <c r="I36" s="13">
        <v>1690</v>
      </c>
      <c r="J36" s="19">
        <v>752</v>
      </c>
      <c r="K36" s="19">
        <v>938</v>
      </c>
    </row>
    <row r="37" spans="1:11" ht="15" customHeight="1">
      <c r="A37" s="17" t="s">
        <v>71</v>
      </c>
      <c r="B37" s="17"/>
      <c r="C37" s="13">
        <v>1178</v>
      </c>
      <c r="D37" s="19">
        <v>568</v>
      </c>
      <c r="E37" s="19">
        <v>610</v>
      </c>
      <c r="F37" s="19"/>
      <c r="G37" s="18" t="s">
        <v>72</v>
      </c>
      <c r="H37" s="17"/>
      <c r="I37" s="13">
        <v>1552</v>
      </c>
      <c r="J37" s="19">
        <v>691</v>
      </c>
      <c r="K37" s="19">
        <v>861</v>
      </c>
    </row>
    <row r="38" spans="1:11" ht="15" customHeight="1">
      <c r="A38" s="17" t="s">
        <v>73</v>
      </c>
      <c r="B38" s="17"/>
      <c r="C38" s="13">
        <v>1078</v>
      </c>
      <c r="D38" s="19">
        <v>550</v>
      </c>
      <c r="E38" s="19">
        <v>528</v>
      </c>
      <c r="F38" s="19"/>
      <c r="G38" s="18" t="s">
        <v>74</v>
      </c>
      <c r="H38" s="17"/>
      <c r="I38" s="13">
        <v>1554</v>
      </c>
      <c r="J38" s="19">
        <v>705</v>
      </c>
      <c r="K38" s="19">
        <v>849</v>
      </c>
    </row>
    <row r="39" spans="1:11" ht="15" customHeight="1">
      <c r="A39" s="17" t="s">
        <v>75</v>
      </c>
      <c r="B39" s="17"/>
      <c r="C39" s="13">
        <v>1100</v>
      </c>
      <c r="D39" s="19">
        <v>591</v>
      </c>
      <c r="E39" s="19">
        <v>509</v>
      </c>
      <c r="F39" s="19"/>
      <c r="G39" s="18" t="s">
        <v>76</v>
      </c>
      <c r="H39" s="17"/>
      <c r="I39" s="13">
        <v>1502</v>
      </c>
      <c r="J39" s="19">
        <v>667</v>
      </c>
      <c r="K39" s="19">
        <v>835</v>
      </c>
    </row>
    <row r="40" spans="1:11" ht="15" customHeight="1">
      <c r="A40" s="17" t="s">
        <v>77</v>
      </c>
      <c r="B40" s="17"/>
      <c r="C40" s="13">
        <v>1079</v>
      </c>
      <c r="D40" s="19">
        <v>551</v>
      </c>
      <c r="E40" s="19">
        <v>528</v>
      </c>
      <c r="F40" s="19"/>
      <c r="G40" s="18" t="s">
        <v>78</v>
      </c>
      <c r="H40" s="17"/>
      <c r="I40" s="13">
        <v>1373</v>
      </c>
      <c r="J40" s="19">
        <v>606</v>
      </c>
      <c r="K40" s="19">
        <v>767</v>
      </c>
    </row>
    <row r="41" spans="1:11" ht="20.100000000000001" customHeight="1">
      <c r="A41" s="17" t="s">
        <v>79</v>
      </c>
      <c r="B41" s="17"/>
      <c r="C41" s="13">
        <v>6016</v>
      </c>
      <c r="D41" s="14">
        <v>3068</v>
      </c>
      <c r="E41" s="14">
        <v>2948</v>
      </c>
      <c r="F41" s="14"/>
      <c r="G41" s="18" t="s">
        <v>80</v>
      </c>
      <c r="H41" s="17"/>
      <c r="I41" s="13">
        <v>5543</v>
      </c>
      <c r="J41" s="14">
        <v>2431</v>
      </c>
      <c r="K41" s="14">
        <v>3112</v>
      </c>
    </row>
    <row r="42" spans="1:11" ht="15" customHeight="1">
      <c r="A42" s="17" t="s">
        <v>81</v>
      </c>
      <c r="B42" s="17"/>
      <c r="C42" s="13">
        <v>1191</v>
      </c>
      <c r="D42" s="19">
        <v>616</v>
      </c>
      <c r="E42" s="19">
        <v>575</v>
      </c>
      <c r="F42" s="19"/>
      <c r="G42" s="18" t="s">
        <v>82</v>
      </c>
      <c r="H42" s="17"/>
      <c r="I42" s="13">
        <v>1135</v>
      </c>
      <c r="J42" s="19">
        <v>523</v>
      </c>
      <c r="K42" s="19">
        <v>612</v>
      </c>
    </row>
    <row r="43" spans="1:11" ht="15" customHeight="1">
      <c r="A43" s="17" t="s">
        <v>83</v>
      </c>
      <c r="B43" s="17"/>
      <c r="C43" s="13">
        <v>1167</v>
      </c>
      <c r="D43" s="19">
        <v>628</v>
      </c>
      <c r="E43" s="19">
        <v>539</v>
      </c>
      <c r="F43" s="19"/>
      <c r="G43" s="18" t="s">
        <v>84</v>
      </c>
      <c r="H43" s="17"/>
      <c r="I43" s="13">
        <v>1247</v>
      </c>
      <c r="J43" s="19">
        <v>520</v>
      </c>
      <c r="K43" s="19">
        <v>727</v>
      </c>
    </row>
    <row r="44" spans="1:11" ht="15" customHeight="1">
      <c r="A44" s="17" t="s">
        <v>85</v>
      </c>
      <c r="B44" s="17"/>
      <c r="C44" s="13">
        <v>1161</v>
      </c>
      <c r="D44" s="19">
        <v>585</v>
      </c>
      <c r="E44" s="19">
        <v>576</v>
      </c>
      <c r="F44" s="19"/>
      <c r="G44" s="18" t="s">
        <v>86</v>
      </c>
      <c r="H44" s="17"/>
      <c r="I44" s="13">
        <v>1142</v>
      </c>
      <c r="J44" s="19">
        <v>511</v>
      </c>
      <c r="K44" s="19">
        <v>631</v>
      </c>
    </row>
    <row r="45" spans="1:11" ht="15" customHeight="1">
      <c r="A45" s="17" t="s">
        <v>87</v>
      </c>
      <c r="B45" s="17"/>
      <c r="C45" s="13">
        <v>1236</v>
      </c>
      <c r="D45" s="19">
        <v>635</v>
      </c>
      <c r="E45" s="19">
        <v>601</v>
      </c>
      <c r="F45" s="19"/>
      <c r="G45" s="18" t="s">
        <v>88</v>
      </c>
      <c r="H45" s="17"/>
      <c r="I45" s="13">
        <v>1094</v>
      </c>
      <c r="J45" s="19">
        <v>462</v>
      </c>
      <c r="K45" s="19">
        <v>632</v>
      </c>
    </row>
    <row r="46" spans="1:11" ht="15" customHeight="1">
      <c r="A46" s="17" t="s">
        <v>89</v>
      </c>
      <c r="B46" s="17"/>
      <c r="C46" s="13">
        <v>1261</v>
      </c>
      <c r="D46" s="19">
        <v>604</v>
      </c>
      <c r="E46" s="19">
        <v>657</v>
      </c>
      <c r="F46" s="19"/>
      <c r="G46" s="18" t="s">
        <v>90</v>
      </c>
      <c r="H46" s="17"/>
      <c r="I46" s="13">
        <v>925</v>
      </c>
      <c r="J46" s="19">
        <v>415</v>
      </c>
      <c r="K46" s="19">
        <v>510</v>
      </c>
    </row>
    <row r="47" spans="1:11" ht="20.100000000000001" customHeight="1">
      <c r="A47" s="17" t="s">
        <v>91</v>
      </c>
      <c r="B47" s="17"/>
      <c r="C47" s="13">
        <v>6730</v>
      </c>
      <c r="D47" s="14">
        <v>3442</v>
      </c>
      <c r="E47" s="14">
        <v>3288</v>
      </c>
      <c r="F47" s="14"/>
      <c r="G47" s="18" t="s">
        <v>92</v>
      </c>
      <c r="H47" s="17"/>
      <c r="I47" s="13">
        <v>3393</v>
      </c>
      <c r="J47" s="14">
        <v>1243</v>
      </c>
      <c r="K47" s="14">
        <v>2150</v>
      </c>
    </row>
    <row r="48" spans="1:11" ht="15" customHeight="1">
      <c r="A48" s="17" t="s">
        <v>93</v>
      </c>
      <c r="B48" s="17"/>
      <c r="C48" s="13">
        <v>1342</v>
      </c>
      <c r="D48" s="19">
        <v>686</v>
      </c>
      <c r="E48" s="19">
        <v>656</v>
      </c>
      <c r="F48" s="19"/>
      <c r="G48" s="18" t="s">
        <v>94</v>
      </c>
      <c r="H48" s="17"/>
      <c r="I48" s="13">
        <v>832</v>
      </c>
      <c r="J48" s="19">
        <v>328</v>
      </c>
      <c r="K48" s="19">
        <v>504</v>
      </c>
    </row>
    <row r="49" spans="1:11" ht="15" customHeight="1">
      <c r="A49" s="17" t="s">
        <v>95</v>
      </c>
      <c r="B49" s="17"/>
      <c r="C49" s="13">
        <v>1303</v>
      </c>
      <c r="D49" s="19">
        <v>663</v>
      </c>
      <c r="E49" s="19">
        <v>640</v>
      </c>
      <c r="F49" s="19"/>
      <c r="G49" s="18" t="s">
        <v>96</v>
      </c>
      <c r="H49" s="17"/>
      <c r="I49" s="13">
        <v>795</v>
      </c>
      <c r="J49" s="19">
        <v>288</v>
      </c>
      <c r="K49" s="19">
        <v>507</v>
      </c>
    </row>
    <row r="50" spans="1:11" ht="15" customHeight="1">
      <c r="A50" s="17" t="s">
        <v>97</v>
      </c>
      <c r="B50" s="17"/>
      <c r="C50" s="13">
        <v>1314</v>
      </c>
      <c r="D50" s="19">
        <v>701</v>
      </c>
      <c r="E50" s="19">
        <v>613</v>
      </c>
      <c r="F50" s="19"/>
      <c r="G50" s="18" t="s">
        <v>98</v>
      </c>
      <c r="H50" s="17"/>
      <c r="I50" s="13">
        <v>693</v>
      </c>
      <c r="J50" s="19">
        <v>263</v>
      </c>
      <c r="K50" s="19">
        <v>430</v>
      </c>
    </row>
    <row r="51" spans="1:11" ht="15" customHeight="1">
      <c r="A51" s="17" t="s">
        <v>99</v>
      </c>
      <c r="B51" s="17"/>
      <c r="C51" s="13">
        <v>1310</v>
      </c>
      <c r="D51" s="19">
        <v>674</v>
      </c>
      <c r="E51" s="19">
        <v>636</v>
      </c>
      <c r="F51" s="19"/>
      <c r="G51" s="18" t="s">
        <v>100</v>
      </c>
      <c r="H51" s="17"/>
      <c r="I51" s="13">
        <v>597</v>
      </c>
      <c r="J51" s="19">
        <v>202</v>
      </c>
      <c r="K51" s="19">
        <v>395</v>
      </c>
    </row>
    <row r="52" spans="1:11" ht="15" customHeight="1">
      <c r="A52" s="17" t="s">
        <v>101</v>
      </c>
      <c r="B52" s="17"/>
      <c r="C52" s="13">
        <v>1461</v>
      </c>
      <c r="D52" s="19">
        <v>718</v>
      </c>
      <c r="E52" s="19">
        <v>743</v>
      </c>
      <c r="F52" s="19"/>
      <c r="G52" s="18" t="s">
        <v>102</v>
      </c>
      <c r="H52" s="17"/>
      <c r="I52" s="13">
        <v>476</v>
      </c>
      <c r="J52" s="19">
        <v>162</v>
      </c>
      <c r="K52" s="19">
        <v>314</v>
      </c>
    </row>
    <row r="53" spans="1:11" ht="20.100000000000001" customHeight="1">
      <c r="A53" s="17" t="s">
        <v>103</v>
      </c>
      <c r="B53" s="17"/>
      <c r="C53" s="13">
        <v>8768</v>
      </c>
      <c r="D53" s="14">
        <v>4423</v>
      </c>
      <c r="E53" s="14">
        <v>4345</v>
      </c>
      <c r="F53" s="14"/>
      <c r="G53" s="18" t="s">
        <v>104</v>
      </c>
      <c r="H53" s="17"/>
      <c r="I53" s="13">
        <v>1456</v>
      </c>
      <c r="J53" s="14">
        <v>433</v>
      </c>
      <c r="K53" s="14">
        <v>1023</v>
      </c>
    </row>
    <row r="54" spans="1:11" ht="15" customHeight="1">
      <c r="A54" s="17" t="s">
        <v>105</v>
      </c>
      <c r="B54" s="17"/>
      <c r="C54" s="13">
        <v>1579</v>
      </c>
      <c r="D54" s="19">
        <v>793</v>
      </c>
      <c r="E54" s="19">
        <v>786</v>
      </c>
      <c r="F54" s="19"/>
      <c r="G54" s="18" t="s">
        <v>106</v>
      </c>
      <c r="H54" s="17"/>
      <c r="I54" s="13">
        <v>416</v>
      </c>
      <c r="J54" s="19">
        <v>135</v>
      </c>
      <c r="K54" s="19">
        <v>281</v>
      </c>
    </row>
    <row r="55" spans="1:11" ht="15" customHeight="1">
      <c r="A55" s="17" t="s">
        <v>107</v>
      </c>
      <c r="B55" s="17"/>
      <c r="C55" s="13">
        <v>1628</v>
      </c>
      <c r="D55" s="19">
        <v>818</v>
      </c>
      <c r="E55" s="19">
        <v>810</v>
      </c>
      <c r="F55" s="19"/>
      <c r="G55" s="18" t="s">
        <v>108</v>
      </c>
      <c r="H55" s="17"/>
      <c r="I55" s="13">
        <v>361</v>
      </c>
      <c r="J55" s="19">
        <v>110</v>
      </c>
      <c r="K55" s="19">
        <v>251</v>
      </c>
    </row>
    <row r="56" spans="1:11" ht="15" customHeight="1">
      <c r="A56" s="17" t="s">
        <v>109</v>
      </c>
      <c r="B56" s="17"/>
      <c r="C56" s="13">
        <v>1723</v>
      </c>
      <c r="D56" s="19">
        <v>889</v>
      </c>
      <c r="E56" s="19">
        <v>834</v>
      </c>
      <c r="F56" s="19"/>
      <c r="G56" s="18" t="s">
        <v>110</v>
      </c>
      <c r="H56" s="17"/>
      <c r="I56" s="13">
        <v>287</v>
      </c>
      <c r="J56" s="19">
        <v>82</v>
      </c>
      <c r="K56" s="19">
        <v>205</v>
      </c>
    </row>
    <row r="57" spans="1:11" ht="15" customHeight="1">
      <c r="A57" s="17" t="s">
        <v>111</v>
      </c>
      <c r="B57" s="17"/>
      <c r="C57" s="13">
        <v>1835</v>
      </c>
      <c r="D57" s="19">
        <v>939</v>
      </c>
      <c r="E57" s="19">
        <v>896</v>
      </c>
      <c r="F57" s="19"/>
      <c r="G57" s="18" t="s">
        <v>112</v>
      </c>
      <c r="H57" s="17"/>
      <c r="I57" s="13">
        <v>214</v>
      </c>
      <c r="J57" s="19">
        <v>58</v>
      </c>
      <c r="K57" s="19">
        <v>156</v>
      </c>
    </row>
    <row r="58" spans="1:11" ht="15" customHeight="1">
      <c r="A58" s="17" t="s">
        <v>113</v>
      </c>
      <c r="B58" s="17"/>
      <c r="C58" s="13">
        <v>2003</v>
      </c>
      <c r="D58" s="19">
        <v>984</v>
      </c>
      <c r="E58" s="19">
        <v>1019</v>
      </c>
      <c r="F58" s="19"/>
      <c r="G58" s="18" t="s">
        <v>114</v>
      </c>
      <c r="H58" s="17"/>
      <c r="I58" s="13">
        <v>178</v>
      </c>
      <c r="J58" s="19">
        <v>48</v>
      </c>
      <c r="K58" s="19">
        <v>130</v>
      </c>
    </row>
    <row r="59" spans="1:11" ht="20.100000000000001" customHeight="1">
      <c r="A59" s="17" t="s">
        <v>115</v>
      </c>
      <c r="B59" s="17"/>
      <c r="C59" s="13">
        <v>10682</v>
      </c>
      <c r="D59" s="14">
        <v>5396</v>
      </c>
      <c r="E59" s="14">
        <v>5286</v>
      </c>
      <c r="F59" s="14"/>
      <c r="G59" s="18" t="s">
        <v>116</v>
      </c>
      <c r="H59" s="17"/>
      <c r="I59" s="13">
        <v>381</v>
      </c>
      <c r="J59" s="14">
        <v>76</v>
      </c>
      <c r="K59" s="14">
        <v>305</v>
      </c>
    </row>
    <row r="60" spans="1:11" ht="15" customHeight="1">
      <c r="A60" s="17" t="s">
        <v>117</v>
      </c>
      <c r="B60" s="17"/>
      <c r="C60" s="13">
        <v>2102</v>
      </c>
      <c r="D60" s="19">
        <v>1047</v>
      </c>
      <c r="E60" s="19">
        <v>1055</v>
      </c>
      <c r="F60" s="19"/>
      <c r="G60" s="18" t="s">
        <v>118</v>
      </c>
      <c r="H60" s="17"/>
      <c r="I60" s="13">
        <v>135</v>
      </c>
      <c r="J60" s="19">
        <v>38</v>
      </c>
      <c r="K60" s="19">
        <v>97</v>
      </c>
    </row>
    <row r="61" spans="1:11" ht="15" customHeight="1">
      <c r="A61" s="17" t="s">
        <v>119</v>
      </c>
      <c r="B61" s="17"/>
      <c r="C61" s="13">
        <v>2190</v>
      </c>
      <c r="D61" s="19">
        <v>1137</v>
      </c>
      <c r="E61" s="19">
        <v>1053</v>
      </c>
      <c r="F61" s="19"/>
      <c r="G61" s="18" t="s">
        <v>120</v>
      </c>
      <c r="H61" s="17"/>
      <c r="I61" s="13">
        <v>87</v>
      </c>
      <c r="J61" s="19">
        <v>11</v>
      </c>
      <c r="K61" s="19">
        <v>76</v>
      </c>
    </row>
    <row r="62" spans="1:11" ht="15" customHeight="1">
      <c r="A62" s="17" t="s">
        <v>121</v>
      </c>
      <c r="B62" s="17"/>
      <c r="C62" s="13">
        <v>2172</v>
      </c>
      <c r="D62" s="19">
        <v>1059</v>
      </c>
      <c r="E62" s="19">
        <v>1113</v>
      </c>
      <c r="F62" s="19"/>
      <c r="G62" s="18" t="s">
        <v>122</v>
      </c>
      <c r="H62" s="17"/>
      <c r="I62" s="13">
        <v>82</v>
      </c>
      <c r="J62" s="19">
        <v>9</v>
      </c>
      <c r="K62" s="19">
        <v>73</v>
      </c>
    </row>
    <row r="63" spans="1:11" ht="15" customHeight="1">
      <c r="A63" s="17" t="s">
        <v>123</v>
      </c>
      <c r="B63" s="17"/>
      <c r="C63" s="13">
        <v>2174</v>
      </c>
      <c r="D63" s="19">
        <v>1112</v>
      </c>
      <c r="E63" s="19">
        <v>1062</v>
      </c>
      <c r="F63" s="19"/>
      <c r="G63" s="18" t="s">
        <v>124</v>
      </c>
      <c r="H63" s="17"/>
      <c r="I63" s="13">
        <v>57</v>
      </c>
      <c r="J63" s="19">
        <v>12</v>
      </c>
      <c r="K63" s="19">
        <v>45</v>
      </c>
    </row>
    <row r="64" spans="1:11" ht="15" customHeight="1">
      <c r="A64" s="17" t="s">
        <v>125</v>
      </c>
      <c r="B64" s="17"/>
      <c r="C64" s="13">
        <v>2044</v>
      </c>
      <c r="D64" s="19">
        <v>1041</v>
      </c>
      <c r="E64" s="19">
        <v>1003</v>
      </c>
      <c r="F64" s="19"/>
      <c r="G64" s="18" t="s">
        <v>126</v>
      </c>
      <c r="H64" s="17"/>
      <c r="I64" s="13">
        <v>20</v>
      </c>
      <c r="J64" s="19">
        <v>6</v>
      </c>
      <c r="K64" s="19">
        <v>1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8</v>
      </c>
      <c r="J65" s="19">
        <v>7</v>
      </c>
      <c r="K65" s="19">
        <v>6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11</v>
      </c>
      <c r="J66" s="29">
        <v>233</v>
      </c>
      <c r="K66" s="29">
        <v>178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6" pageOrder="overThenDown" orientation="portrait" blackAndWhite="1" useFirstPageNumber="1" horizontalDpi="300" verticalDpi="300"/>
  <headerFooter scaleWithDoc="0"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20048</v>
      </c>
      <c r="D4" s="14">
        <v>58438</v>
      </c>
      <c r="E4" s="14">
        <v>6161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001</v>
      </c>
      <c r="D5" s="14">
        <v>2069</v>
      </c>
      <c r="E5" s="14">
        <v>1932</v>
      </c>
      <c r="F5" s="14"/>
      <c r="G5" s="18" t="s">
        <v>8</v>
      </c>
      <c r="H5" s="17"/>
      <c r="I5" s="13">
        <v>8620</v>
      </c>
      <c r="J5" s="14">
        <v>4458</v>
      </c>
      <c r="K5" s="14">
        <v>4162</v>
      </c>
    </row>
    <row r="6" spans="1:11" ht="15" customHeight="1">
      <c r="A6" s="17" t="s">
        <v>9</v>
      </c>
      <c r="B6" s="17"/>
      <c r="C6" s="13">
        <v>813</v>
      </c>
      <c r="D6" s="19">
        <v>412</v>
      </c>
      <c r="E6" s="19">
        <v>401</v>
      </c>
      <c r="F6" s="19"/>
      <c r="G6" s="18" t="s">
        <v>10</v>
      </c>
      <c r="H6" s="17"/>
      <c r="I6" s="13">
        <v>1988</v>
      </c>
      <c r="J6" s="19">
        <v>984</v>
      </c>
      <c r="K6" s="19">
        <v>1004</v>
      </c>
    </row>
    <row r="7" spans="1:11" ht="15" customHeight="1">
      <c r="A7" s="17" t="s">
        <v>11</v>
      </c>
      <c r="B7" s="17"/>
      <c r="C7" s="13">
        <v>766</v>
      </c>
      <c r="D7" s="19">
        <v>384</v>
      </c>
      <c r="E7" s="19">
        <v>382</v>
      </c>
      <c r="F7" s="19"/>
      <c r="G7" s="18" t="s">
        <v>12</v>
      </c>
      <c r="H7" s="17"/>
      <c r="I7" s="13">
        <v>1976</v>
      </c>
      <c r="J7" s="19">
        <v>1035</v>
      </c>
      <c r="K7" s="19">
        <v>941</v>
      </c>
    </row>
    <row r="8" spans="1:11" ht="15" customHeight="1">
      <c r="A8" s="17" t="s">
        <v>13</v>
      </c>
      <c r="B8" s="17"/>
      <c r="C8" s="13">
        <v>832</v>
      </c>
      <c r="D8" s="19">
        <v>441</v>
      </c>
      <c r="E8" s="19">
        <v>391</v>
      </c>
      <c r="F8" s="19"/>
      <c r="G8" s="18" t="s">
        <v>14</v>
      </c>
      <c r="H8" s="17"/>
      <c r="I8" s="13">
        <v>1445</v>
      </c>
      <c r="J8" s="19">
        <v>747</v>
      </c>
      <c r="K8" s="19">
        <v>698</v>
      </c>
    </row>
    <row r="9" spans="1:11" ht="15" customHeight="1">
      <c r="A9" s="17" t="s">
        <v>15</v>
      </c>
      <c r="B9" s="17"/>
      <c r="C9" s="13">
        <v>773</v>
      </c>
      <c r="D9" s="19">
        <v>408</v>
      </c>
      <c r="E9" s="19">
        <v>365</v>
      </c>
      <c r="F9" s="19"/>
      <c r="G9" s="18" t="s">
        <v>16</v>
      </c>
      <c r="H9" s="17"/>
      <c r="I9" s="13">
        <v>1660</v>
      </c>
      <c r="J9" s="19">
        <v>908</v>
      </c>
      <c r="K9" s="19">
        <v>752</v>
      </c>
    </row>
    <row r="10" spans="1:11" ht="15" customHeight="1">
      <c r="A10" s="17" t="s">
        <v>17</v>
      </c>
      <c r="B10" s="17"/>
      <c r="C10" s="13">
        <v>817</v>
      </c>
      <c r="D10" s="19">
        <v>424</v>
      </c>
      <c r="E10" s="19">
        <v>393</v>
      </c>
      <c r="F10" s="19"/>
      <c r="G10" s="18" t="s">
        <v>18</v>
      </c>
      <c r="H10" s="17"/>
      <c r="I10" s="13">
        <v>1551</v>
      </c>
      <c r="J10" s="19">
        <v>784</v>
      </c>
      <c r="K10" s="19">
        <v>767</v>
      </c>
    </row>
    <row r="11" spans="1:11" ht="20.100000000000001" customHeight="1">
      <c r="A11" s="17" t="s">
        <v>19</v>
      </c>
      <c r="B11" s="17"/>
      <c r="C11" s="13">
        <v>4635</v>
      </c>
      <c r="D11" s="14">
        <v>2352</v>
      </c>
      <c r="E11" s="14">
        <v>2283</v>
      </c>
      <c r="F11" s="14"/>
      <c r="G11" s="18" t="s">
        <v>20</v>
      </c>
      <c r="H11" s="17"/>
      <c r="I11" s="13">
        <v>6520</v>
      </c>
      <c r="J11" s="14">
        <v>3218</v>
      </c>
      <c r="K11" s="14">
        <v>3302</v>
      </c>
    </row>
    <row r="12" spans="1:11" ht="15" customHeight="1">
      <c r="A12" s="17" t="s">
        <v>21</v>
      </c>
      <c r="B12" s="17"/>
      <c r="C12" s="13">
        <v>849</v>
      </c>
      <c r="D12" s="19">
        <v>435</v>
      </c>
      <c r="E12" s="19">
        <v>414</v>
      </c>
      <c r="F12" s="19"/>
      <c r="G12" s="18" t="s">
        <v>22</v>
      </c>
      <c r="H12" s="17"/>
      <c r="I12" s="13">
        <v>1332</v>
      </c>
      <c r="J12" s="19">
        <v>709</v>
      </c>
      <c r="K12" s="19">
        <v>623</v>
      </c>
    </row>
    <row r="13" spans="1:11" ht="15" customHeight="1">
      <c r="A13" s="17" t="s">
        <v>23</v>
      </c>
      <c r="B13" s="17"/>
      <c r="C13" s="13">
        <v>889</v>
      </c>
      <c r="D13" s="19">
        <v>458</v>
      </c>
      <c r="E13" s="19">
        <v>431</v>
      </c>
      <c r="F13" s="19"/>
      <c r="G13" s="18" t="s">
        <v>24</v>
      </c>
      <c r="H13" s="17"/>
      <c r="I13" s="13">
        <v>1298</v>
      </c>
      <c r="J13" s="19">
        <v>610</v>
      </c>
      <c r="K13" s="19">
        <v>688</v>
      </c>
    </row>
    <row r="14" spans="1:11" ht="15" customHeight="1">
      <c r="A14" s="17" t="s">
        <v>25</v>
      </c>
      <c r="B14" s="17"/>
      <c r="C14" s="13">
        <v>948</v>
      </c>
      <c r="D14" s="19">
        <v>471</v>
      </c>
      <c r="E14" s="19">
        <v>477</v>
      </c>
      <c r="F14" s="19"/>
      <c r="G14" s="18" t="s">
        <v>26</v>
      </c>
      <c r="H14" s="17"/>
      <c r="I14" s="13">
        <v>1319</v>
      </c>
      <c r="J14" s="19">
        <v>685</v>
      </c>
      <c r="K14" s="19">
        <v>634</v>
      </c>
    </row>
    <row r="15" spans="1:11" ht="15" customHeight="1">
      <c r="A15" s="17" t="s">
        <v>27</v>
      </c>
      <c r="B15" s="17"/>
      <c r="C15" s="13">
        <v>986</v>
      </c>
      <c r="D15" s="19">
        <v>505</v>
      </c>
      <c r="E15" s="19">
        <v>481</v>
      </c>
      <c r="F15" s="19"/>
      <c r="G15" s="18" t="s">
        <v>28</v>
      </c>
      <c r="H15" s="17"/>
      <c r="I15" s="13">
        <v>1296</v>
      </c>
      <c r="J15" s="19">
        <v>613</v>
      </c>
      <c r="K15" s="19">
        <v>683</v>
      </c>
    </row>
    <row r="16" spans="1:11" ht="15" customHeight="1">
      <c r="A16" s="17" t="s">
        <v>29</v>
      </c>
      <c r="B16" s="17"/>
      <c r="C16" s="13">
        <v>963</v>
      </c>
      <c r="D16" s="19">
        <v>483</v>
      </c>
      <c r="E16" s="19">
        <v>480</v>
      </c>
      <c r="F16" s="19"/>
      <c r="G16" s="18" t="s">
        <v>30</v>
      </c>
      <c r="H16" s="17"/>
      <c r="I16" s="13">
        <v>1275</v>
      </c>
      <c r="J16" s="19">
        <v>601</v>
      </c>
      <c r="K16" s="19">
        <v>674</v>
      </c>
    </row>
    <row r="17" spans="1:11" ht="20.100000000000001" customHeight="1">
      <c r="A17" s="20" t="s">
        <v>31</v>
      </c>
      <c r="B17" s="20"/>
      <c r="C17" s="13">
        <v>5343</v>
      </c>
      <c r="D17" s="14">
        <v>2800</v>
      </c>
      <c r="E17" s="14">
        <v>2543</v>
      </c>
      <c r="F17" s="14"/>
      <c r="G17" s="18" t="s">
        <v>32</v>
      </c>
      <c r="H17" s="17"/>
      <c r="I17" s="13">
        <v>6109</v>
      </c>
      <c r="J17" s="14">
        <v>2970</v>
      </c>
      <c r="K17" s="14">
        <v>3139</v>
      </c>
    </row>
    <row r="18" spans="1:11" ht="15" customHeight="1">
      <c r="A18" s="17" t="s">
        <v>33</v>
      </c>
      <c r="B18" s="17"/>
      <c r="C18" s="13">
        <v>1036</v>
      </c>
      <c r="D18" s="19">
        <v>541</v>
      </c>
      <c r="E18" s="19">
        <v>495</v>
      </c>
      <c r="F18" s="19"/>
      <c r="G18" s="18" t="s">
        <v>34</v>
      </c>
      <c r="H18" s="17"/>
      <c r="I18" s="13">
        <v>1186</v>
      </c>
      <c r="J18" s="19">
        <v>578</v>
      </c>
      <c r="K18" s="19">
        <v>608</v>
      </c>
    </row>
    <row r="19" spans="1:11" ht="15" customHeight="1">
      <c r="A19" s="17" t="s">
        <v>35</v>
      </c>
      <c r="B19" s="17"/>
      <c r="C19" s="13">
        <v>999</v>
      </c>
      <c r="D19" s="19">
        <v>525</v>
      </c>
      <c r="E19" s="19">
        <v>474</v>
      </c>
      <c r="F19" s="19"/>
      <c r="G19" s="18" t="s">
        <v>36</v>
      </c>
      <c r="H19" s="17"/>
      <c r="I19" s="13">
        <v>1153</v>
      </c>
      <c r="J19" s="19">
        <v>582</v>
      </c>
      <c r="K19" s="19">
        <v>571</v>
      </c>
    </row>
    <row r="20" spans="1:11" ht="15" customHeight="1">
      <c r="A20" s="17" t="s">
        <v>37</v>
      </c>
      <c r="B20" s="17"/>
      <c r="C20" s="13">
        <v>1117</v>
      </c>
      <c r="D20" s="19">
        <v>579</v>
      </c>
      <c r="E20" s="19">
        <v>538</v>
      </c>
      <c r="F20" s="19"/>
      <c r="G20" s="18" t="s">
        <v>38</v>
      </c>
      <c r="H20" s="17"/>
      <c r="I20" s="13">
        <v>1235</v>
      </c>
      <c r="J20" s="19">
        <v>599</v>
      </c>
      <c r="K20" s="19">
        <v>636</v>
      </c>
    </row>
    <row r="21" spans="1:11" ht="15" customHeight="1">
      <c r="A21" s="17" t="s">
        <v>39</v>
      </c>
      <c r="B21" s="17"/>
      <c r="C21" s="13">
        <v>1068</v>
      </c>
      <c r="D21" s="19">
        <v>551</v>
      </c>
      <c r="E21" s="19">
        <v>517</v>
      </c>
      <c r="F21" s="19"/>
      <c r="G21" s="18" t="s">
        <v>40</v>
      </c>
      <c r="H21" s="17"/>
      <c r="I21" s="13">
        <v>1277</v>
      </c>
      <c r="J21" s="19">
        <v>603</v>
      </c>
      <c r="K21" s="19">
        <v>674</v>
      </c>
    </row>
    <row r="22" spans="1:11" ht="15" customHeight="1">
      <c r="A22" s="17" t="s">
        <v>41</v>
      </c>
      <c r="B22" s="17"/>
      <c r="C22" s="13">
        <v>1123</v>
      </c>
      <c r="D22" s="19">
        <v>604</v>
      </c>
      <c r="E22" s="19">
        <v>519</v>
      </c>
      <c r="F22" s="19"/>
      <c r="G22" s="18" t="s">
        <v>42</v>
      </c>
      <c r="H22" s="17"/>
      <c r="I22" s="13">
        <v>1258</v>
      </c>
      <c r="J22" s="19">
        <v>608</v>
      </c>
      <c r="K22" s="19">
        <v>650</v>
      </c>
    </row>
    <row r="23" spans="1:11" ht="20.100000000000001" customHeight="1">
      <c r="A23" s="17" t="s">
        <v>43</v>
      </c>
      <c r="B23" s="17"/>
      <c r="C23" s="13">
        <v>5892</v>
      </c>
      <c r="D23" s="14">
        <v>3031</v>
      </c>
      <c r="E23" s="14">
        <v>2861</v>
      </c>
      <c r="F23" s="14"/>
      <c r="G23" s="18" t="s">
        <v>44</v>
      </c>
      <c r="H23" s="17"/>
      <c r="I23" s="13">
        <v>8298</v>
      </c>
      <c r="J23" s="14">
        <v>3765</v>
      </c>
      <c r="K23" s="14">
        <v>4533</v>
      </c>
    </row>
    <row r="24" spans="1:11" ht="15" customHeight="1">
      <c r="A24" s="17" t="s">
        <v>45</v>
      </c>
      <c r="B24" s="17"/>
      <c r="C24" s="13">
        <v>1173</v>
      </c>
      <c r="D24" s="19">
        <v>621</v>
      </c>
      <c r="E24" s="19">
        <v>552</v>
      </c>
      <c r="F24" s="19"/>
      <c r="G24" s="18" t="s">
        <v>46</v>
      </c>
      <c r="H24" s="17"/>
      <c r="I24" s="13">
        <v>1333</v>
      </c>
      <c r="J24" s="19">
        <v>621</v>
      </c>
      <c r="K24" s="19">
        <v>712</v>
      </c>
    </row>
    <row r="25" spans="1:11" ht="15" customHeight="1">
      <c r="A25" s="17" t="s">
        <v>47</v>
      </c>
      <c r="B25" s="17"/>
      <c r="C25" s="13">
        <v>1210</v>
      </c>
      <c r="D25" s="19">
        <v>616</v>
      </c>
      <c r="E25" s="19">
        <v>594</v>
      </c>
      <c r="F25" s="19"/>
      <c r="G25" s="18" t="s">
        <v>48</v>
      </c>
      <c r="H25" s="17"/>
      <c r="I25" s="13">
        <v>1523</v>
      </c>
      <c r="J25" s="19">
        <v>685</v>
      </c>
      <c r="K25" s="19">
        <v>838</v>
      </c>
    </row>
    <row r="26" spans="1:11" ht="15" customHeight="1">
      <c r="A26" s="17" t="s">
        <v>49</v>
      </c>
      <c r="B26" s="17"/>
      <c r="C26" s="13">
        <v>1133</v>
      </c>
      <c r="D26" s="19">
        <v>556</v>
      </c>
      <c r="E26" s="19">
        <v>577</v>
      </c>
      <c r="F26" s="19"/>
      <c r="G26" s="18" t="s">
        <v>50</v>
      </c>
      <c r="H26" s="17"/>
      <c r="I26" s="13">
        <v>1635</v>
      </c>
      <c r="J26" s="19">
        <v>749</v>
      </c>
      <c r="K26" s="19">
        <v>886</v>
      </c>
    </row>
    <row r="27" spans="1:11" ht="15" customHeight="1">
      <c r="A27" s="17" t="s">
        <v>51</v>
      </c>
      <c r="B27" s="17"/>
      <c r="C27" s="13">
        <v>1155</v>
      </c>
      <c r="D27" s="19">
        <v>587</v>
      </c>
      <c r="E27" s="19">
        <v>568</v>
      </c>
      <c r="F27" s="19"/>
      <c r="G27" s="18" t="s">
        <v>52</v>
      </c>
      <c r="H27" s="17"/>
      <c r="I27" s="13">
        <v>1782</v>
      </c>
      <c r="J27" s="19">
        <v>812</v>
      </c>
      <c r="K27" s="19">
        <v>970</v>
      </c>
    </row>
    <row r="28" spans="1:11" ht="15" customHeight="1">
      <c r="A28" s="17" t="s">
        <v>53</v>
      </c>
      <c r="B28" s="17"/>
      <c r="C28" s="13">
        <v>1221</v>
      </c>
      <c r="D28" s="19">
        <v>651</v>
      </c>
      <c r="E28" s="19">
        <v>570</v>
      </c>
      <c r="F28" s="19"/>
      <c r="G28" s="18" t="s">
        <v>54</v>
      </c>
      <c r="H28" s="17"/>
      <c r="I28" s="13">
        <v>2025</v>
      </c>
      <c r="J28" s="19">
        <v>898</v>
      </c>
      <c r="K28" s="19">
        <v>1127</v>
      </c>
    </row>
    <row r="29" spans="1:11" ht="20.100000000000001" customHeight="1">
      <c r="A29" s="17" t="s">
        <v>55</v>
      </c>
      <c r="B29" s="17"/>
      <c r="C29" s="13">
        <v>5476</v>
      </c>
      <c r="D29" s="14">
        <v>2734</v>
      </c>
      <c r="E29" s="14">
        <v>2742</v>
      </c>
      <c r="F29" s="14"/>
      <c r="G29" s="18" t="s">
        <v>56</v>
      </c>
      <c r="H29" s="17"/>
      <c r="I29" s="13">
        <v>9241</v>
      </c>
      <c r="J29" s="14">
        <v>4051</v>
      </c>
      <c r="K29" s="14">
        <v>5190</v>
      </c>
    </row>
    <row r="30" spans="1:11" ht="15" customHeight="1">
      <c r="A30" s="17" t="s">
        <v>57</v>
      </c>
      <c r="B30" s="17"/>
      <c r="C30" s="13">
        <v>1185</v>
      </c>
      <c r="D30" s="19">
        <v>614</v>
      </c>
      <c r="E30" s="19">
        <v>571</v>
      </c>
      <c r="F30" s="19"/>
      <c r="G30" s="18" t="s">
        <v>58</v>
      </c>
      <c r="H30" s="17"/>
      <c r="I30" s="13">
        <v>2058</v>
      </c>
      <c r="J30" s="19">
        <v>878</v>
      </c>
      <c r="K30" s="19">
        <v>1180</v>
      </c>
    </row>
    <row r="31" spans="1:11" ht="15" customHeight="1">
      <c r="A31" s="17" t="s">
        <v>59</v>
      </c>
      <c r="B31" s="17"/>
      <c r="C31" s="13">
        <v>1169</v>
      </c>
      <c r="D31" s="19">
        <v>587</v>
      </c>
      <c r="E31" s="19">
        <v>582</v>
      </c>
      <c r="F31" s="19"/>
      <c r="G31" s="18" t="s">
        <v>60</v>
      </c>
      <c r="H31" s="17"/>
      <c r="I31" s="13">
        <v>2228</v>
      </c>
      <c r="J31" s="19">
        <v>1014</v>
      </c>
      <c r="K31" s="19">
        <v>1214</v>
      </c>
    </row>
    <row r="32" spans="1:11" ht="15" customHeight="1">
      <c r="A32" s="17" t="s">
        <v>61</v>
      </c>
      <c r="B32" s="17"/>
      <c r="C32" s="13">
        <v>1158</v>
      </c>
      <c r="D32" s="19">
        <v>603</v>
      </c>
      <c r="E32" s="19">
        <v>555</v>
      </c>
      <c r="F32" s="19"/>
      <c r="G32" s="18" t="s">
        <v>62</v>
      </c>
      <c r="H32" s="17"/>
      <c r="I32" s="13">
        <v>1607</v>
      </c>
      <c r="J32" s="19">
        <v>708</v>
      </c>
      <c r="K32" s="19">
        <v>899</v>
      </c>
    </row>
    <row r="33" spans="1:11" ht="15" customHeight="1">
      <c r="A33" s="17" t="s">
        <v>63</v>
      </c>
      <c r="B33" s="17"/>
      <c r="C33" s="13">
        <v>1007</v>
      </c>
      <c r="D33" s="19">
        <v>485</v>
      </c>
      <c r="E33" s="19">
        <v>522</v>
      </c>
      <c r="F33" s="19"/>
      <c r="G33" s="18" t="s">
        <v>64</v>
      </c>
      <c r="H33" s="17"/>
      <c r="I33" s="13">
        <v>1496</v>
      </c>
      <c r="J33" s="19">
        <v>648</v>
      </c>
      <c r="K33" s="19">
        <v>848</v>
      </c>
    </row>
    <row r="34" spans="1:11" ht="15" customHeight="1">
      <c r="A34" s="17" t="s">
        <v>65</v>
      </c>
      <c r="B34" s="17"/>
      <c r="C34" s="13">
        <v>957</v>
      </c>
      <c r="D34" s="19">
        <v>445</v>
      </c>
      <c r="E34" s="19">
        <v>512</v>
      </c>
      <c r="F34" s="19"/>
      <c r="G34" s="18" t="s">
        <v>66</v>
      </c>
      <c r="H34" s="17"/>
      <c r="I34" s="13">
        <v>1852</v>
      </c>
      <c r="J34" s="19">
        <v>803</v>
      </c>
      <c r="K34" s="19">
        <v>1049</v>
      </c>
    </row>
    <row r="35" spans="1:11" ht="20.100000000000001" customHeight="1">
      <c r="A35" s="17" t="s">
        <v>67</v>
      </c>
      <c r="B35" s="17"/>
      <c r="C35" s="13">
        <v>4771</v>
      </c>
      <c r="D35" s="14">
        <v>2357</v>
      </c>
      <c r="E35" s="14">
        <v>2414</v>
      </c>
      <c r="F35" s="14"/>
      <c r="G35" s="18" t="s">
        <v>68</v>
      </c>
      <c r="H35" s="17"/>
      <c r="I35" s="13">
        <v>8829</v>
      </c>
      <c r="J35" s="14">
        <v>4083</v>
      </c>
      <c r="K35" s="14">
        <v>4746</v>
      </c>
    </row>
    <row r="36" spans="1:11" ht="15" customHeight="1">
      <c r="A36" s="17" t="s">
        <v>69</v>
      </c>
      <c r="B36" s="17"/>
      <c r="C36" s="13">
        <v>952</v>
      </c>
      <c r="D36" s="19">
        <v>437</v>
      </c>
      <c r="E36" s="19">
        <v>515</v>
      </c>
      <c r="F36" s="19"/>
      <c r="G36" s="18" t="s">
        <v>70</v>
      </c>
      <c r="H36" s="17"/>
      <c r="I36" s="13">
        <v>1994</v>
      </c>
      <c r="J36" s="19">
        <v>898</v>
      </c>
      <c r="K36" s="19">
        <v>1096</v>
      </c>
    </row>
    <row r="37" spans="1:11" ht="15" customHeight="1">
      <c r="A37" s="17" t="s">
        <v>71</v>
      </c>
      <c r="B37" s="17"/>
      <c r="C37" s="13">
        <v>874</v>
      </c>
      <c r="D37" s="19">
        <v>436</v>
      </c>
      <c r="E37" s="19">
        <v>438</v>
      </c>
      <c r="F37" s="19"/>
      <c r="G37" s="18" t="s">
        <v>72</v>
      </c>
      <c r="H37" s="17"/>
      <c r="I37" s="13">
        <v>1853</v>
      </c>
      <c r="J37" s="19">
        <v>871</v>
      </c>
      <c r="K37" s="19">
        <v>982</v>
      </c>
    </row>
    <row r="38" spans="1:11" ht="15" customHeight="1">
      <c r="A38" s="17" t="s">
        <v>73</v>
      </c>
      <c r="B38" s="17"/>
      <c r="C38" s="13">
        <v>979</v>
      </c>
      <c r="D38" s="19">
        <v>481</v>
      </c>
      <c r="E38" s="19">
        <v>498</v>
      </c>
      <c r="F38" s="19"/>
      <c r="G38" s="18" t="s">
        <v>74</v>
      </c>
      <c r="H38" s="17"/>
      <c r="I38" s="13">
        <v>1871</v>
      </c>
      <c r="J38" s="19">
        <v>874</v>
      </c>
      <c r="K38" s="19">
        <v>997</v>
      </c>
    </row>
    <row r="39" spans="1:11" ht="15" customHeight="1">
      <c r="A39" s="17" t="s">
        <v>75</v>
      </c>
      <c r="B39" s="17"/>
      <c r="C39" s="13">
        <v>967</v>
      </c>
      <c r="D39" s="19">
        <v>509</v>
      </c>
      <c r="E39" s="19">
        <v>458</v>
      </c>
      <c r="F39" s="19"/>
      <c r="G39" s="18" t="s">
        <v>76</v>
      </c>
      <c r="H39" s="17"/>
      <c r="I39" s="13">
        <v>1654</v>
      </c>
      <c r="J39" s="19">
        <v>756</v>
      </c>
      <c r="K39" s="19">
        <v>898</v>
      </c>
    </row>
    <row r="40" spans="1:11" ht="15" customHeight="1">
      <c r="A40" s="17" t="s">
        <v>77</v>
      </c>
      <c r="B40" s="17"/>
      <c r="C40" s="13">
        <v>999</v>
      </c>
      <c r="D40" s="19">
        <v>494</v>
      </c>
      <c r="E40" s="19">
        <v>505</v>
      </c>
      <c r="F40" s="19"/>
      <c r="G40" s="18" t="s">
        <v>78</v>
      </c>
      <c r="H40" s="17"/>
      <c r="I40" s="13">
        <v>1457</v>
      </c>
      <c r="J40" s="19">
        <v>684</v>
      </c>
      <c r="K40" s="19">
        <v>773</v>
      </c>
    </row>
    <row r="41" spans="1:11" ht="20.100000000000001" customHeight="1">
      <c r="A41" s="17" t="s">
        <v>79</v>
      </c>
      <c r="B41" s="17"/>
      <c r="C41" s="13">
        <v>5400</v>
      </c>
      <c r="D41" s="14">
        <v>2727</v>
      </c>
      <c r="E41" s="14">
        <v>2673</v>
      </c>
      <c r="F41" s="14"/>
      <c r="G41" s="18" t="s">
        <v>80</v>
      </c>
      <c r="H41" s="17"/>
      <c r="I41" s="13">
        <v>5973</v>
      </c>
      <c r="J41" s="14">
        <v>2912</v>
      </c>
      <c r="K41" s="14">
        <v>3061</v>
      </c>
    </row>
    <row r="42" spans="1:11" ht="15" customHeight="1">
      <c r="A42" s="17" t="s">
        <v>81</v>
      </c>
      <c r="B42" s="17"/>
      <c r="C42" s="13">
        <v>1058</v>
      </c>
      <c r="D42" s="19">
        <v>517</v>
      </c>
      <c r="E42" s="19">
        <v>541</v>
      </c>
      <c r="F42" s="19"/>
      <c r="G42" s="18" t="s">
        <v>82</v>
      </c>
      <c r="H42" s="17"/>
      <c r="I42" s="13">
        <v>1273</v>
      </c>
      <c r="J42" s="19">
        <v>631</v>
      </c>
      <c r="K42" s="19">
        <v>642</v>
      </c>
    </row>
    <row r="43" spans="1:11" ht="15" customHeight="1">
      <c r="A43" s="17" t="s">
        <v>83</v>
      </c>
      <c r="B43" s="17"/>
      <c r="C43" s="13">
        <v>1042</v>
      </c>
      <c r="D43" s="19">
        <v>534</v>
      </c>
      <c r="E43" s="19">
        <v>508</v>
      </c>
      <c r="F43" s="19"/>
      <c r="G43" s="18" t="s">
        <v>84</v>
      </c>
      <c r="H43" s="17"/>
      <c r="I43" s="13">
        <v>1379</v>
      </c>
      <c r="J43" s="19">
        <v>712</v>
      </c>
      <c r="K43" s="19">
        <v>667</v>
      </c>
    </row>
    <row r="44" spans="1:11" ht="15" customHeight="1">
      <c r="A44" s="17" t="s">
        <v>85</v>
      </c>
      <c r="B44" s="17"/>
      <c r="C44" s="13">
        <v>1029</v>
      </c>
      <c r="D44" s="19">
        <v>505</v>
      </c>
      <c r="E44" s="19">
        <v>524</v>
      </c>
      <c r="F44" s="19"/>
      <c r="G44" s="18" t="s">
        <v>86</v>
      </c>
      <c r="H44" s="17"/>
      <c r="I44" s="13">
        <v>1250</v>
      </c>
      <c r="J44" s="19">
        <v>579</v>
      </c>
      <c r="K44" s="19">
        <v>671</v>
      </c>
    </row>
    <row r="45" spans="1:11" ht="15" customHeight="1">
      <c r="A45" s="17" t="s">
        <v>87</v>
      </c>
      <c r="B45" s="17"/>
      <c r="C45" s="13">
        <v>1095</v>
      </c>
      <c r="D45" s="19">
        <v>558</v>
      </c>
      <c r="E45" s="19">
        <v>537</v>
      </c>
      <c r="F45" s="19"/>
      <c r="G45" s="18" t="s">
        <v>88</v>
      </c>
      <c r="H45" s="17"/>
      <c r="I45" s="13">
        <v>1116</v>
      </c>
      <c r="J45" s="19">
        <v>548</v>
      </c>
      <c r="K45" s="19">
        <v>568</v>
      </c>
    </row>
    <row r="46" spans="1:11" ht="15" customHeight="1">
      <c r="A46" s="17" t="s">
        <v>89</v>
      </c>
      <c r="B46" s="17"/>
      <c r="C46" s="13">
        <v>1176</v>
      </c>
      <c r="D46" s="19">
        <v>613</v>
      </c>
      <c r="E46" s="19">
        <v>563</v>
      </c>
      <c r="F46" s="19"/>
      <c r="G46" s="18" t="s">
        <v>90</v>
      </c>
      <c r="H46" s="17"/>
      <c r="I46" s="13">
        <v>955</v>
      </c>
      <c r="J46" s="19">
        <v>442</v>
      </c>
      <c r="K46" s="19">
        <v>513</v>
      </c>
    </row>
    <row r="47" spans="1:11" ht="20.100000000000001" customHeight="1">
      <c r="A47" s="17" t="s">
        <v>91</v>
      </c>
      <c r="B47" s="17"/>
      <c r="C47" s="13">
        <v>6532</v>
      </c>
      <c r="D47" s="14">
        <v>3316</v>
      </c>
      <c r="E47" s="14">
        <v>3216</v>
      </c>
      <c r="F47" s="14"/>
      <c r="G47" s="18" t="s">
        <v>92</v>
      </c>
      <c r="H47" s="17"/>
      <c r="I47" s="13">
        <v>3080</v>
      </c>
      <c r="J47" s="14">
        <v>1273</v>
      </c>
      <c r="K47" s="14">
        <v>1807</v>
      </c>
    </row>
    <row r="48" spans="1:11" ht="15" customHeight="1">
      <c r="A48" s="17" t="s">
        <v>93</v>
      </c>
      <c r="B48" s="17"/>
      <c r="C48" s="13">
        <v>1225</v>
      </c>
      <c r="D48" s="19">
        <v>628</v>
      </c>
      <c r="E48" s="19">
        <v>597</v>
      </c>
      <c r="F48" s="19"/>
      <c r="G48" s="18" t="s">
        <v>94</v>
      </c>
      <c r="H48" s="17"/>
      <c r="I48" s="13">
        <v>760</v>
      </c>
      <c r="J48" s="19">
        <v>351</v>
      </c>
      <c r="K48" s="19">
        <v>409</v>
      </c>
    </row>
    <row r="49" spans="1:11" ht="15" customHeight="1">
      <c r="A49" s="17" t="s">
        <v>95</v>
      </c>
      <c r="B49" s="17"/>
      <c r="C49" s="13">
        <v>1227</v>
      </c>
      <c r="D49" s="19">
        <v>626</v>
      </c>
      <c r="E49" s="19">
        <v>601</v>
      </c>
      <c r="F49" s="19"/>
      <c r="G49" s="18" t="s">
        <v>96</v>
      </c>
      <c r="H49" s="17"/>
      <c r="I49" s="13">
        <v>758</v>
      </c>
      <c r="J49" s="19">
        <v>331</v>
      </c>
      <c r="K49" s="19">
        <v>427</v>
      </c>
    </row>
    <row r="50" spans="1:11" ht="15" customHeight="1">
      <c r="A50" s="17" t="s">
        <v>97</v>
      </c>
      <c r="B50" s="17"/>
      <c r="C50" s="13">
        <v>1322</v>
      </c>
      <c r="D50" s="19">
        <v>633</v>
      </c>
      <c r="E50" s="19">
        <v>689</v>
      </c>
      <c r="F50" s="19"/>
      <c r="G50" s="18" t="s">
        <v>98</v>
      </c>
      <c r="H50" s="17"/>
      <c r="I50" s="13">
        <v>641</v>
      </c>
      <c r="J50" s="19">
        <v>251</v>
      </c>
      <c r="K50" s="19">
        <v>390</v>
      </c>
    </row>
    <row r="51" spans="1:11" ht="15" customHeight="1">
      <c r="A51" s="17" t="s">
        <v>99</v>
      </c>
      <c r="B51" s="17"/>
      <c r="C51" s="13">
        <v>1325</v>
      </c>
      <c r="D51" s="19">
        <v>695</v>
      </c>
      <c r="E51" s="19">
        <v>630</v>
      </c>
      <c r="F51" s="19"/>
      <c r="G51" s="18" t="s">
        <v>100</v>
      </c>
      <c r="H51" s="17"/>
      <c r="I51" s="13">
        <v>498</v>
      </c>
      <c r="J51" s="19">
        <v>186</v>
      </c>
      <c r="K51" s="19">
        <v>312</v>
      </c>
    </row>
    <row r="52" spans="1:11" ht="15" customHeight="1">
      <c r="A52" s="17" t="s">
        <v>101</v>
      </c>
      <c r="B52" s="17"/>
      <c r="C52" s="13">
        <v>1433</v>
      </c>
      <c r="D52" s="19">
        <v>734</v>
      </c>
      <c r="E52" s="19">
        <v>699</v>
      </c>
      <c r="F52" s="19"/>
      <c r="G52" s="18" t="s">
        <v>102</v>
      </c>
      <c r="H52" s="17"/>
      <c r="I52" s="13">
        <v>423</v>
      </c>
      <c r="J52" s="19">
        <v>154</v>
      </c>
      <c r="K52" s="19">
        <v>269</v>
      </c>
    </row>
    <row r="53" spans="1:11" ht="20.100000000000001" customHeight="1">
      <c r="A53" s="17" t="s">
        <v>103</v>
      </c>
      <c r="B53" s="17"/>
      <c r="C53" s="13">
        <v>8622</v>
      </c>
      <c r="D53" s="14">
        <v>4321</v>
      </c>
      <c r="E53" s="14">
        <v>4301</v>
      </c>
      <c r="F53" s="14"/>
      <c r="G53" s="18" t="s">
        <v>104</v>
      </c>
      <c r="H53" s="17"/>
      <c r="I53" s="13">
        <v>1341</v>
      </c>
      <c r="J53" s="14">
        <v>395</v>
      </c>
      <c r="K53" s="14">
        <v>946</v>
      </c>
    </row>
    <row r="54" spans="1:11" ht="15" customHeight="1">
      <c r="A54" s="17" t="s">
        <v>105</v>
      </c>
      <c r="B54" s="17"/>
      <c r="C54" s="13">
        <v>1494</v>
      </c>
      <c r="D54" s="19">
        <v>726</v>
      </c>
      <c r="E54" s="19">
        <v>768</v>
      </c>
      <c r="F54" s="19"/>
      <c r="G54" s="18" t="s">
        <v>106</v>
      </c>
      <c r="H54" s="17"/>
      <c r="I54" s="13">
        <v>365</v>
      </c>
      <c r="J54" s="19">
        <v>120</v>
      </c>
      <c r="K54" s="19">
        <v>245</v>
      </c>
    </row>
    <row r="55" spans="1:11" ht="15" customHeight="1">
      <c r="A55" s="17" t="s">
        <v>107</v>
      </c>
      <c r="B55" s="17"/>
      <c r="C55" s="13">
        <v>1629</v>
      </c>
      <c r="D55" s="19">
        <v>823</v>
      </c>
      <c r="E55" s="19">
        <v>806</v>
      </c>
      <c r="F55" s="19"/>
      <c r="G55" s="18" t="s">
        <v>108</v>
      </c>
      <c r="H55" s="17"/>
      <c r="I55" s="13">
        <v>292</v>
      </c>
      <c r="J55" s="19">
        <v>91</v>
      </c>
      <c r="K55" s="19">
        <v>201</v>
      </c>
    </row>
    <row r="56" spans="1:11" ht="15" customHeight="1">
      <c r="A56" s="17" t="s">
        <v>109</v>
      </c>
      <c r="B56" s="17"/>
      <c r="C56" s="13">
        <v>1640</v>
      </c>
      <c r="D56" s="19">
        <v>793</v>
      </c>
      <c r="E56" s="19">
        <v>847</v>
      </c>
      <c r="F56" s="19"/>
      <c r="G56" s="18" t="s">
        <v>110</v>
      </c>
      <c r="H56" s="17"/>
      <c r="I56" s="13">
        <v>271</v>
      </c>
      <c r="J56" s="19">
        <v>73</v>
      </c>
      <c r="K56" s="19">
        <v>198</v>
      </c>
    </row>
    <row r="57" spans="1:11" ht="15" customHeight="1">
      <c r="A57" s="17" t="s">
        <v>111</v>
      </c>
      <c r="B57" s="17"/>
      <c r="C57" s="13">
        <v>1824</v>
      </c>
      <c r="D57" s="19">
        <v>929</v>
      </c>
      <c r="E57" s="19">
        <v>895</v>
      </c>
      <c r="F57" s="19"/>
      <c r="G57" s="18" t="s">
        <v>112</v>
      </c>
      <c r="H57" s="17"/>
      <c r="I57" s="13">
        <v>236</v>
      </c>
      <c r="J57" s="19">
        <v>68</v>
      </c>
      <c r="K57" s="19">
        <v>168</v>
      </c>
    </row>
    <row r="58" spans="1:11" ht="15" customHeight="1">
      <c r="A58" s="17" t="s">
        <v>113</v>
      </c>
      <c r="B58" s="17"/>
      <c r="C58" s="13">
        <v>2035</v>
      </c>
      <c r="D58" s="19">
        <v>1050</v>
      </c>
      <c r="E58" s="19">
        <v>985</v>
      </c>
      <c r="F58" s="19"/>
      <c r="G58" s="18" t="s">
        <v>114</v>
      </c>
      <c r="H58" s="17"/>
      <c r="I58" s="13">
        <v>177</v>
      </c>
      <c r="J58" s="19">
        <v>43</v>
      </c>
      <c r="K58" s="19">
        <v>134</v>
      </c>
    </row>
    <row r="59" spans="1:11" ht="20.100000000000001" customHeight="1">
      <c r="A59" s="17" t="s">
        <v>115</v>
      </c>
      <c r="B59" s="17"/>
      <c r="C59" s="13">
        <v>10481</v>
      </c>
      <c r="D59" s="14">
        <v>5276</v>
      </c>
      <c r="E59" s="14">
        <v>5205</v>
      </c>
      <c r="F59" s="14"/>
      <c r="G59" s="18" t="s">
        <v>116</v>
      </c>
      <c r="H59" s="17"/>
      <c r="I59" s="13">
        <v>357</v>
      </c>
      <c r="J59" s="14">
        <v>69</v>
      </c>
      <c r="K59" s="14">
        <v>288</v>
      </c>
    </row>
    <row r="60" spans="1:11" ht="15" customHeight="1">
      <c r="A60" s="17" t="s">
        <v>117</v>
      </c>
      <c r="B60" s="17"/>
      <c r="C60" s="13">
        <v>2158</v>
      </c>
      <c r="D60" s="19">
        <v>1061</v>
      </c>
      <c r="E60" s="19">
        <v>1097</v>
      </c>
      <c r="F60" s="19"/>
      <c r="G60" s="18" t="s">
        <v>118</v>
      </c>
      <c r="H60" s="17"/>
      <c r="I60" s="13">
        <v>140</v>
      </c>
      <c r="J60" s="19">
        <v>33</v>
      </c>
      <c r="K60" s="19">
        <v>107</v>
      </c>
    </row>
    <row r="61" spans="1:11" ht="15" customHeight="1">
      <c r="A61" s="17" t="s">
        <v>119</v>
      </c>
      <c r="B61" s="17"/>
      <c r="C61" s="13">
        <v>2083</v>
      </c>
      <c r="D61" s="19">
        <v>1052</v>
      </c>
      <c r="E61" s="19">
        <v>1031</v>
      </c>
      <c r="F61" s="19"/>
      <c r="G61" s="18" t="s">
        <v>120</v>
      </c>
      <c r="H61" s="17"/>
      <c r="I61" s="13">
        <v>68</v>
      </c>
      <c r="J61" s="19">
        <v>13</v>
      </c>
      <c r="K61" s="19">
        <v>55</v>
      </c>
    </row>
    <row r="62" spans="1:11" ht="15" customHeight="1">
      <c r="A62" s="17" t="s">
        <v>121</v>
      </c>
      <c r="B62" s="17"/>
      <c r="C62" s="13">
        <v>2171</v>
      </c>
      <c r="D62" s="19">
        <v>1093</v>
      </c>
      <c r="E62" s="19">
        <v>1078</v>
      </c>
      <c r="F62" s="19"/>
      <c r="G62" s="18" t="s">
        <v>122</v>
      </c>
      <c r="H62" s="17"/>
      <c r="I62" s="13">
        <v>74</v>
      </c>
      <c r="J62" s="19">
        <v>13</v>
      </c>
      <c r="K62" s="19">
        <v>61</v>
      </c>
    </row>
    <row r="63" spans="1:11" ht="15" customHeight="1">
      <c r="A63" s="17" t="s">
        <v>123</v>
      </c>
      <c r="B63" s="17"/>
      <c r="C63" s="13">
        <v>2120</v>
      </c>
      <c r="D63" s="19">
        <v>1056</v>
      </c>
      <c r="E63" s="19">
        <v>1064</v>
      </c>
      <c r="F63" s="19"/>
      <c r="G63" s="18" t="s">
        <v>124</v>
      </c>
      <c r="H63" s="17"/>
      <c r="I63" s="13">
        <v>57</v>
      </c>
      <c r="J63" s="19">
        <v>8</v>
      </c>
      <c r="K63" s="19">
        <v>49</v>
      </c>
    </row>
    <row r="64" spans="1:11" ht="15" customHeight="1">
      <c r="A64" s="17" t="s">
        <v>125</v>
      </c>
      <c r="B64" s="17"/>
      <c r="C64" s="13">
        <v>1949</v>
      </c>
      <c r="D64" s="19">
        <v>1014</v>
      </c>
      <c r="E64" s="19">
        <v>935</v>
      </c>
      <c r="F64" s="19"/>
      <c r="G64" s="18" t="s">
        <v>126</v>
      </c>
      <c r="H64" s="17"/>
      <c r="I64" s="13">
        <v>18</v>
      </c>
      <c r="J64" s="19">
        <v>2</v>
      </c>
      <c r="K64" s="19">
        <v>1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8</v>
      </c>
      <c r="J65" s="19">
        <v>11</v>
      </c>
      <c r="K65" s="19">
        <v>6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49</v>
      </c>
      <c r="J66" s="29">
        <v>250</v>
      </c>
      <c r="K66" s="29">
        <v>19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7" pageOrder="overThenDown" orientation="portrait" blackAndWhite="1" useFirstPageNumber="1" horizontalDpi="300" verticalDpi="300"/>
  <headerFooter scaleWithDoc="0"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2296</v>
      </c>
      <c r="D4" s="14">
        <v>74383</v>
      </c>
      <c r="E4" s="14">
        <v>7791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497</v>
      </c>
      <c r="D5" s="14">
        <v>2846</v>
      </c>
      <c r="E5" s="14">
        <v>2651</v>
      </c>
      <c r="F5" s="14"/>
      <c r="G5" s="18" t="s">
        <v>8</v>
      </c>
      <c r="H5" s="17"/>
      <c r="I5" s="13">
        <v>11642</v>
      </c>
      <c r="J5" s="14">
        <v>5984</v>
      </c>
      <c r="K5" s="14">
        <v>5658</v>
      </c>
    </row>
    <row r="6" spans="1:11" ht="15" customHeight="1">
      <c r="A6" s="17" t="s">
        <v>9</v>
      </c>
      <c r="B6" s="17"/>
      <c r="C6" s="13">
        <v>1084</v>
      </c>
      <c r="D6" s="19">
        <v>558</v>
      </c>
      <c r="E6" s="19">
        <v>526</v>
      </c>
      <c r="F6" s="19"/>
      <c r="G6" s="18" t="s">
        <v>10</v>
      </c>
      <c r="H6" s="17"/>
      <c r="I6" s="13">
        <v>2603</v>
      </c>
      <c r="J6" s="19">
        <v>1334</v>
      </c>
      <c r="K6" s="19">
        <v>1269</v>
      </c>
    </row>
    <row r="7" spans="1:11" ht="15" customHeight="1">
      <c r="A7" s="17" t="s">
        <v>11</v>
      </c>
      <c r="B7" s="17"/>
      <c r="C7" s="13">
        <v>1098</v>
      </c>
      <c r="D7" s="19">
        <v>551</v>
      </c>
      <c r="E7" s="19">
        <v>547</v>
      </c>
      <c r="F7" s="19"/>
      <c r="G7" s="18" t="s">
        <v>12</v>
      </c>
      <c r="H7" s="17"/>
      <c r="I7" s="13">
        <v>2639</v>
      </c>
      <c r="J7" s="19">
        <v>1374</v>
      </c>
      <c r="K7" s="19">
        <v>1265</v>
      </c>
    </row>
    <row r="8" spans="1:11" ht="15" customHeight="1">
      <c r="A8" s="17" t="s">
        <v>13</v>
      </c>
      <c r="B8" s="17"/>
      <c r="C8" s="13">
        <v>1086</v>
      </c>
      <c r="D8" s="19">
        <v>566</v>
      </c>
      <c r="E8" s="19">
        <v>520</v>
      </c>
      <c r="F8" s="19"/>
      <c r="G8" s="18" t="s">
        <v>14</v>
      </c>
      <c r="H8" s="17"/>
      <c r="I8" s="13">
        <v>1874</v>
      </c>
      <c r="J8" s="19">
        <v>949</v>
      </c>
      <c r="K8" s="19">
        <v>925</v>
      </c>
    </row>
    <row r="9" spans="1:11" ht="15" customHeight="1">
      <c r="A9" s="17" t="s">
        <v>15</v>
      </c>
      <c r="B9" s="17"/>
      <c r="C9" s="13">
        <v>1106</v>
      </c>
      <c r="D9" s="19">
        <v>574</v>
      </c>
      <c r="E9" s="19">
        <v>532</v>
      </c>
      <c r="F9" s="19"/>
      <c r="G9" s="18" t="s">
        <v>16</v>
      </c>
      <c r="H9" s="17"/>
      <c r="I9" s="13">
        <v>2376</v>
      </c>
      <c r="J9" s="19">
        <v>1256</v>
      </c>
      <c r="K9" s="19">
        <v>1120</v>
      </c>
    </row>
    <row r="10" spans="1:11" ht="15" customHeight="1">
      <c r="A10" s="17" t="s">
        <v>17</v>
      </c>
      <c r="B10" s="17"/>
      <c r="C10" s="13">
        <v>1123</v>
      </c>
      <c r="D10" s="19">
        <v>597</v>
      </c>
      <c r="E10" s="19">
        <v>526</v>
      </c>
      <c r="F10" s="19"/>
      <c r="G10" s="18" t="s">
        <v>18</v>
      </c>
      <c r="H10" s="17"/>
      <c r="I10" s="13">
        <v>2150</v>
      </c>
      <c r="J10" s="19">
        <v>1071</v>
      </c>
      <c r="K10" s="19">
        <v>1079</v>
      </c>
    </row>
    <row r="11" spans="1:11" ht="20.100000000000001" customHeight="1">
      <c r="A11" s="17" t="s">
        <v>19</v>
      </c>
      <c r="B11" s="17"/>
      <c r="C11" s="13">
        <v>6094</v>
      </c>
      <c r="D11" s="14">
        <v>3107</v>
      </c>
      <c r="E11" s="14">
        <v>2987</v>
      </c>
      <c r="F11" s="14"/>
      <c r="G11" s="18" t="s">
        <v>20</v>
      </c>
      <c r="H11" s="17"/>
      <c r="I11" s="13">
        <v>9164</v>
      </c>
      <c r="J11" s="14">
        <v>4602</v>
      </c>
      <c r="K11" s="14">
        <v>4562</v>
      </c>
    </row>
    <row r="12" spans="1:11" ht="15" customHeight="1">
      <c r="A12" s="17" t="s">
        <v>21</v>
      </c>
      <c r="B12" s="17"/>
      <c r="C12" s="13">
        <v>1124</v>
      </c>
      <c r="D12" s="19">
        <v>573</v>
      </c>
      <c r="E12" s="19">
        <v>551</v>
      </c>
      <c r="F12" s="19"/>
      <c r="G12" s="18" t="s">
        <v>22</v>
      </c>
      <c r="H12" s="17"/>
      <c r="I12" s="13">
        <v>1956</v>
      </c>
      <c r="J12" s="19">
        <v>980</v>
      </c>
      <c r="K12" s="19">
        <v>976</v>
      </c>
    </row>
    <row r="13" spans="1:11" ht="15" customHeight="1">
      <c r="A13" s="17" t="s">
        <v>23</v>
      </c>
      <c r="B13" s="17"/>
      <c r="C13" s="13">
        <v>1228</v>
      </c>
      <c r="D13" s="19">
        <v>636</v>
      </c>
      <c r="E13" s="19">
        <v>592</v>
      </c>
      <c r="F13" s="19"/>
      <c r="G13" s="18" t="s">
        <v>24</v>
      </c>
      <c r="H13" s="17"/>
      <c r="I13" s="13">
        <v>1908</v>
      </c>
      <c r="J13" s="19">
        <v>961</v>
      </c>
      <c r="K13" s="19">
        <v>947</v>
      </c>
    </row>
    <row r="14" spans="1:11" ht="15" customHeight="1">
      <c r="A14" s="17" t="s">
        <v>25</v>
      </c>
      <c r="B14" s="17"/>
      <c r="C14" s="13">
        <v>1187</v>
      </c>
      <c r="D14" s="19">
        <v>606</v>
      </c>
      <c r="E14" s="19">
        <v>581</v>
      </c>
      <c r="F14" s="19"/>
      <c r="G14" s="18" t="s">
        <v>26</v>
      </c>
      <c r="H14" s="17"/>
      <c r="I14" s="13">
        <v>1816</v>
      </c>
      <c r="J14" s="19">
        <v>928</v>
      </c>
      <c r="K14" s="19">
        <v>888</v>
      </c>
    </row>
    <row r="15" spans="1:11" ht="15" customHeight="1">
      <c r="A15" s="17" t="s">
        <v>27</v>
      </c>
      <c r="B15" s="17"/>
      <c r="C15" s="13">
        <v>1250</v>
      </c>
      <c r="D15" s="19">
        <v>623</v>
      </c>
      <c r="E15" s="19">
        <v>627</v>
      </c>
      <c r="F15" s="19"/>
      <c r="G15" s="18" t="s">
        <v>28</v>
      </c>
      <c r="H15" s="17"/>
      <c r="I15" s="13">
        <v>1818</v>
      </c>
      <c r="J15" s="19">
        <v>913</v>
      </c>
      <c r="K15" s="19">
        <v>905</v>
      </c>
    </row>
    <row r="16" spans="1:11" ht="15" customHeight="1">
      <c r="A16" s="17" t="s">
        <v>29</v>
      </c>
      <c r="B16" s="17"/>
      <c r="C16" s="13">
        <v>1305</v>
      </c>
      <c r="D16" s="19">
        <v>669</v>
      </c>
      <c r="E16" s="19">
        <v>636</v>
      </c>
      <c r="F16" s="19"/>
      <c r="G16" s="18" t="s">
        <v>30</v>
      </c>
      <c r="H16" s="17"/>
      <c r="I16" s="13">
        <v>1666</v>
      </c>
      <c r="J16" s="19">
        <v>820</v>
      </c>
      <c r="K16" s="19">
        <v>846</v>
      </c>
    </row>
    <row r="17" spans="1:11" ht="20.100000000000001" customHeight="1">
      <c r="A17" s="20" t="s">
        <v>31</v>
      </c>
      <c r="B17" s="20"/>
      <c r="C17" s="13">
        <v>6865</v>
      </c>
      <c r="D17" s="14">
        <v>3595</v>
      </c>
      <c r="E17" s="14">
        <v>3270</v>
      </c>
      <c r="F17" s="14"/>
      <c r="G17" s="18" t="s">
        <v>32</v>
      </c>
      <c r="H17" s="17"/>
      <c r="I17" s="13">
        <v>8310</v>
      </c>
      <c r="J17" s="14">
        <v>4127</v>
      </c>
      <c r="K17" s="14">
        <v>4183</v>
      </c>
    </row>
    <row r="18" spans="1:11" ht="15" customHeight="1">
      <c r="A18" s="17" t="s">
        <v>33</v>
      </c>
      <c r="B18" s="17"/>
      <c r="C18" s="13">
        <v>1348</v>
      </c>
      <c r="D18" s="19">
        <v>678</v>
      </c>
      <c r="E18" s="19">
        <v>670</v>
      </c>
      <c r="F18" s="19"/>
      <c r="G18" s="18" t="s">
        <v>34</v>
      </c>
      <c r="H18" s="17"/>
      <c r="I18" s="13">
        <v>1689</v>
      </c>
      <c r="J18" s="19">
        <v>859</v>
      </c>
      <c r="K18" s="19">
        <v>830</v>
      </c>
    </row>
    <row r="19" spans="1:11" ht="15" customHeight="1">
      <c r="A19" s="17" t="s">
        <v>35</v>
      </c>
      <c r="B19" s="17"/>
      <c r="C19" s="13">
        <v>1393</v>
      </c>
      <c r="D19" s="19">
        <v>730</v>
      </c>
      <c r="E19" s="19">
        <v>663</v>
      </c>
      <c r="F19" s="19"/>
      <c r="G19" s="18" t="s">
        <v>36</v>
      </c>
      <c r="H19" s="17"/>
      <c r="I19" s="13">
        <v>1604</v>
      </c>
      <c r="J19" s="19">
        <v>805</v>
      </c>
      <c r="K19" s="19">
        <v>799</v>
      </c>
    </row>
    <row r="20" spans="1:11" ht="15" customHeight="1">
      <c r="A20" s="17" t="s">
        <v>37</v>
      </c>
      <c r="B20" s="17"/>
      <c r="C20" s="13">
        <v>1392</v>
      </c>
      <c r="D20" s="19">
        <v>753</v>
      </c>
      <c r="E20" s="19">
        <v>639</v>
      </c>
      <c r="F20" s="19"/>
      <c r="G20" s="18" t="s">
        <v>38</v>
      </c>
      <c r="H20" s="17"/>
      <c r="I20" s="13">
        <v>1593</v>
      </c>
      <c r="J20" s="19">
        <v>803</v>
      </c>
      <c r="K20" s="19">
        <v>790</v>
      </c>
    </row>
    <row r="21" spans="1:11" ht="15" customHeight="1">
      <c r="A21" s="17" t="s">
        <v>39</v>
      </c>
      <c r="B21" s="17"/>
      <c r="C21" s="13">
        <v>1306</v>
      </c>
      <c r="D21" s="19">
        <v>675</v>
      </c>
      <c r="E21" s="19">
        <v>631</v>
      </c>
      <c r="F21" s="19"/>
      <c r="G21" s="18" t="s">
        <v>40</v>
      </c>
      <c r="H21" s="17"/>
      <c r="I21" s="13">
        <v>1682</v>
      </c>
      <c r="J21" s="19">
        <v>816</v>
      </c>
      <c r="K21" s="19">
        <v>866</v>
      </c>
    </row>
    <row r="22" spans="1:11" ht="15" customHeight="1">
      <c r="A22" s="17" t="s">
        <v>41</v>
      </c>
      <c r="B22" s="17"/>
      <c r="C22" s="13">
        <v>1426</v>
      </c>
      <c r="D22" s="19">
        <v>759</v>
      </c>
      <c r="E22" s="19">
        <v>667</v>
      </c>
      <c r="F22" s="19"/>
      <c r="G22" s="18" t="s">
        <v>42</v>
      </c>
      <c r="H22" s="17"/>
      <c r="I22" s="13">
        <v>1742</v>
      </c>
      <c r="J22" s="19">
        <v>844</v>
      </c>
      <c r="K22" s="19">
        <v>898</v>
      </c>
    </row>
    <row r="23" spans="1:11" ht="20.100000000000001" customHeight="1">
      <c r="A23" s="17" t="s">
        <v>43</v>
      </c>
      <c r="B23" s="17"/>
      <c r="C23" s="13">
        <v>7401</v>
      </c>
      <c r="D23" s="14">
        <v>3750</v>
      </c>
      <c r="E23" s="14">
        <v>3651</v>
      </c>
      <c r="F23" s="14"/>
      <c r="G23" s="18" t="s">
        <v>44</v>
      </c>
      <c r="H23" s="17"/>
      <c r="I23" s="13">
        <v>10356</v>
      </c>
      <c r="J23" s="14">
        <v>5025</v>
      </c>
      <c r="K23" s="14">
        <v>5331</v>
      </c>
    </row>
    <row r="24" spans="1:11" ht="15" customHeight="1">
      <c r="A24" s="17" t="s">
        <v>45</v>
      </c>
      <c r="B24" s="17"/>
      <c r="C24" s="13">
        <v>1450</v>
      </c>
      <c r="D24" s="19">
        <v>770</v>
      </c>
      <c r="E24" s="19">
        <v>680</v>
      </c>
      <c r="F24" s="19"/>
      <c r="G24" s="18" t="s">
        <v>46</v>
      </c>
      <c r="H24" s="17"/>
      <c r="I24" s="13">
        <v>1736</v>
      </c>
      <c r="J24" s="19">
        <v>856</v>
      </c>
      <c r="K24" s="19">
        <v>880</v>
      </c>
    </row>
    <row r="25" spans="1:11" ht="15" customHeight="1">
      <c r="A25" s="17" t="s">
        <v>47</v>
      </c>
      <c r="B25" s="17"/>
      <c r="C25" s="13">
        <v>1432</v>
      </c>
      <c r="D25" s="19">
        <v>721</v>
      </c>
      <c r="E25" s="19">
        <v>711</v>
      </c>
      <c r="F25" s="19"/>
      <c r="G25" s="18" t="s">
        <v>48</v>
      </c>
      <c r="H25" s="17"/>
      <c r="I25" s="13">
        <v>1921</v>
      </c>
      <c r="J25" s="19">
        <v>951</v>
      </c>
      <c r="K25" s="19">
        <v>970</v>
      </c>
    </row>
    <row r="26" spans="1:11" ht="15" customHeight="1">
      <c r="A26" s="17" t="s">
        <v>49</v>
      </c>
      <c r="B26" s="17"/>
      <c r="C26" s="13">
        <v>1544</v>
      </c>
      <c r="D26" s="19">
        <v>780</v>
      </c>
      <c r="E26" s="19">
        <v>764</v>
      </c>
      <c r="F26" s="19"/>
      <c r="G26" s="18" t="s">
        <v>50</v>
      </c>
      <c r="H26" s="17"/>
      <c r="I26" s="13">
        <v>1986</v>
      </c>
      <c r="J26" s="19">
        <v>987</v>
      </c>
      <c r="K26" s="19">
        <v>999</v>
      </c>
    </row>
    <row r="27" spans="1:11" ht="15" customHeight="1">
      <c r="A27" s="17" t="s">
        <v>51</v>
      </c>
      <c r="B27" s="17"/>
      <c r="C27" s="13">
        <v>1495</v>
      </c>
      <c r="D27" s="19">
        <v>711</v>
      </c>
      <c r="E27" s="19">
        <v>784</v>
      </c>
      <c r="F27" s="19"/>
      <c r="G27" s="18" t="s">
        <v>52</v>
      </c>
      <c r="H27" s="17"/>
      <c r="I27" s="13">
        <v>2181</v>
      </c>
      <c r="J27" s="19">
        <v>1016</v>
      </c>
      <c r="K27" s="19">
        <v>1165</v>
      </c>
    </row>
    <row r="28" spans="1:11" ht="15" customHeight="1">
      <c r="A28" s="17" t="s">
        <v>53</v>
      </c>
      <c r="B28" s="17"/>
      <c r="C28" s="13">
        <v>1480</v>
      </c>
      <c r="D28" s="19">
        <v>768</v>
      </c>
      <c r="E28" s="19">
        <v>712</v>
      </c>
      <c r="F28" s="19"/>
      <c r="G28" s="18" t="s">
        <v>54</v>
      </c>
      <c r="H28" s="17"/>
      <c r="I28" s="13">
        <v>2532</v>
      </c>
      <c r="J28" s="19">
        <v>1215</v>
      </c>
      <c r="K28" s="19">
        <v>1317</v>
      </c>
    </row>
    <row r="29" spans="1:11" ht="20.100000000000001" customHeight="1">
      <c r="A29" s="17" t="s">
        <v>55</v>
      </c>
      <c r="B29" s="17"/>
      <c r="C29" s="13">
        <v>7535</v>
      </c>
      <c r="D29" s="14">
        <v>3696</v>
      </c>
      <c r="E29" s="14">
        <v>3839</v>
      </c>
      <c r="F29" s="14"/>
      <c r="G29" s="18" t="s">
        <v>56</v>
      </c>
      <c r="H29" s="17"/>
      <c r="I29" s="13">
        <v>10271</v>
      </c>
      <c r="J29" s="14">
        <v>4846</v>
      </c>
      <c r="K29" s="14">
        <v>5425</v>
      </c>
    </row>
    <row r="30" spans="1:11" ht="15" customHeight="1">
      <c r="A30" s="17" t="s">
        <v>57</v>
      </c>
      <c r="B30" s="17"/>
      <c r="C30" s="13">
        <v>1590</v>
      </c>
      <c r="D30" s="19">
        <v>804</v>
      </c>
      <c r="E30" s="19">
        <v>786</v>
      </c>
      <c r="F30" s="19"/>
      <c r="G30" s="18" t="s">
        <v>58</v>
      </c>
      <c r="H30" s="17"/>
      <c r="I30" s="13">
        <v>2447</v>
      </c>
      <c r="J30" s="19">
        <v>1103</v>
      </c>
      <c r="K30" s="19">
        <v>1344</v>
      </c>
    </row>
    <row r="31" spans="1:11" ht="15" customHeight="1">
      <c r="A31" s="17" t="s">
        <v>59</v>
      </c>
      <c r="B31" s="17"/>
      <c r="C31" s="13">
        <v>1541</v>
      </c>
      <c r="D31" s="19">
        <v>765</v>
      </c>
      <c r="E31" s="19">
        <v>776</v>
      </c>
      <c r="F31" s="19"/>
      <c r="G31" s="18" t="s">
        <v>60</v>
      </c>
      <c r="H31" s="17"/>
      <c r="I31" s="13">
        <v>2507</v>
      </c>
      <c r="J31" s="19">
        <v>1217</v>
      </c>
      <c r="K31" s="19">
        <v>1290</v>
      </c>
    </row>
    <row r="32" spans="1:11" ht="15" customHeight="1">
      <c r="A32" s="17" t="s">
        <v>61</v>
      </c>
      <c r="B32" s="17"/>
      <c r="C32" s="13">
        <v>1522</v>
      </c>
      <c r="D32" s="19">
        <v>744</v>
      </c>
      <c r="E32" s="19">
        <v>778</v>
      </c>
      <c r="F32" s="19"/>
      <c r="G32" s="18" t="s">
        <v>62</v>
      </c>
      <c r="H32" s="17"/>
      <c r="I32" s="13">
        <v>1721</v>
      </c>
      <c r="J32" s="19">
        <v>825</v>
      </c>
      <c r="K32" s="19">
        <v>896</v>
      </c>
    </row>
    <row r="33" spans="1:11" ht="15" customHeight="1">
      <c r="A33" s="17" t="s">
        <v>63</v>
      </c>
      <c r="B33" s="17"/>
      <c r="C33" s="13">
        <v>1430</v>
      </c>
      <c r="D33" s="19">
        <v>699</v>
      </c>
      <c r="E33" s="19">
        <v>731</v>
      </c>
      <c r="F33" s="19"/>
      <c r="G33" s="18" t="s">
        <v>64</v>
      </c>
      <c r="H33" s="17"/>
      <c r="I33" s="13">
        <v>1604</v>
      </c>
      <c r="J33" s="19">
        <v>770</v>
      </c>
      <c r="K33" s="19">
        <v>834</v>
      </c>
    </row>
    <row r="34" spans="1:11" ht="15" customHeight="1">
      <c r="A34" s="17" t="s">
        <v>65</v>
      </c>
      <c r="B34" s="17"/>
      <c r="C34" s="13">
        <v>1452</v>
      </c>
      <c r="D34" s="19">
        <v>684</v>
      </c>
      <c r="E34" s="19">
        <v>768</v>
      </c>
      <c r="F34" s="19"/>
      <c r="G34" s="18" t="s">
        <v>66</v>
      </c>
      <c r="H34" s="17"/>
      <c r="I34" s="13">
        <v>1992</v>
      </c>
      <c r="J34" s="19">
        <v>931</v>
      </c>
      <c r="K34" s="19">
        <v>1061</v>
      </c>
    </row>
    <row r="35" spans="1:11" ht="20.100000000000001" customHeight="1">
      <c r="A35" s="17" t="s">
        <v>67</v>
      </c>
      <c r="B35" s="17"/>
      <c r="C35" s="13">
        <v>6639</v>
      </c>
      <c r="D35" s="14">
        <v>3283</v>
      </c>
      <c r="E35" s="14">
        <v>3356</v>
      </c>
      <c r="F35" s="14"/>
      <c r="G35" s="18" t="s">
        <v>68</v>
      </c>
      <c r="H35" s="17"/>
      <c r="I35" s="13">
        <v>9666</v>
      </c>
      <c r="J35" s="14">
        <v>4366</v>
      </c>
      <c r="K35" s="14">
        <v>5300</v>
      </c>
    </row>
    <row r="36" spans="1:11" ht="15" customHeight="1">
      <c r="A36" s="17" t="s">
        <v>69</v>
      </c>
      <c r="B36" s="17"/>
      <c r="C36" s="13">
        <v>1420</v>
      </c>
      <c r="D36" s="19">
        <v>678</v>
      </c>
      <c r="E36" s="19">
        <v>742</v>
      </c>
      <c r="F36" s="19"/>
      <c r="G36" s="18" t="s">
        <v>70</v>
      </c>
      <c r="H36" s="17"/>
      <c r="I36" s="13">
        <v>2184</v>
      </c>
      <c r="J36" s="19">
        <v>972</v>
      </c>
      <c r="K36" s="19">
        <v>1212</v>
      </c>
    </row>
    <row r="37" spans="1:11" ht="15" customHeight="1">
      <c r="A37" s="17" t="s">
        <v>71</v>
      </c>
      <c r="B37" s="17"/>
      <c r="C37" s="13">
        <v>1342</v>
      </c>
      <c r="D37" s="19">
        <v>666</v>
      </c>
      <c r="E37" s="19">
        <v>676</v>
      </c>
      <c r="F37" s="19"/>
      <c r="G37" s="18" t="s">
        <v>72</v>
      </c>
      <c r="H37" s="17"/>
      <c r="I37" s="13">
        <v>2020</v>
      </c>
      <c r="J37" s="19">
        <v>909</v>
      </c>
      <c r="K37" s="19">
        <v>1111</v>
      </c>
    </row>
    <row r="38" spans="1:11" ht="15" customHeight="1">
      <c r="A38" s="17" t="s">
        <v>73</v>
      </c>
      <c r="B38" s="17"/>
      <c r="C38" s="13">
        <v>1314</v>
      </c>
      <c r="D38" s="19">
        <v>665</v>
      </c>
      <c r="E38" s="19">
        <v>649</v>
      </c>
      <c r="F38" s="19"/>
      <c r="G38" s="18" t="s">
        <v>74</v>
      </c>
      <c r="H38" s="17"/>
      <c r="I38" s="13">
        <v>2019</v>
      </c>
      <c r="J38" s="19">
        <v>922</v>
      </c>
      <c r="K38" s="19">
        <v>1097</v>
      </c>
    </row>
    <row r="39" spans="1:11" ht="15" customHeight="1">
      <c r="A39" s="17" t="s">
        <v>75</v>
      </c>
      <c r="B39" s="17"/>
      <c r="C39" s="13">
        <v>1326</v>
      </c>
      <c r="D39" s="19">
        <v>659</v>
      </c>
      <c r="E39" s="19">
        <v>667</v>
      </c>
      <c r="F39" s="19"/>
      <c r="G39" s="18" t="s">
        <v>76</v>
      </c>
      <c r="H39" s="17"/>
      <c r="I39" s="13">
        <v>1845</v>
      </c>
      <c r="J39" s="19">
        <v>864</v>
      </c>
      <c r="K39" s="19">
        <v>981</v>
      </c>
    </row>
    <row r="40" spans="1:11" ht="15" customHeight="1">
      <c r="A40" s="17" t="s">
        <v>77</v>
      </c>
      <c r="B40" s="17"/>
      <c r="C40" s="13">
        <v>1237</v>
      </c>
      <c r="D40" s="19">
        <v>615</v>
      </c>
      <c r="E40" s="19">
        <v>622</v>
      </c>
      <c r="F40" s="19"/>
      <c r="G40" s="18" t="s">
        <v>78</v>
      </c>
      <c r="H40" s="17"/>
      <c r="I40" s="13">
        <v>1598</v>
      </c>
      <c r="J40" s="19">
        <v>699</v>
      </c>
      <c r="K40" s="19">
        <v>899</v>
      </c>
    </row>
    <row r="41" spans="1:11" ht="20.100000000000001" customHeight="1">
      <c r="A41" s="17" t="s">
        <v>79</v>
      </c>
      <c r="B41" s="17"/>
      <c r="C41" s="13">
        <v>7122</v>
      </c>
      <c r="D41" s="14">
        <v>3542</v>
      </c>
      <c r="E41" s="14">
        <v>3580</v>
      </c>
      <c r="F41" s="14"/>
      <c r="G41" s="18" t="s">
        <v>80</v>
      </c>
      <c r="H41" s="17"/>
      <c r="I41" s="13">
        <v>6944</v>
      </c>
      <c r="J41" s="14">
        <v>3098</v>
      </c>
      <c r="K41" s="14">
        <v>3846</v>
      </c>
    </row>
    <row r="42" spans="1:11" ht="15" customHeight="1">
      <c r="A42" s="17" t="s">
        <v>81</v>
      </c>
      <c r="B42" s="17"/>
      <c r="C42" s="13">
        <v>1402</v>
      </c>
      <c r="D42" s="19">
        <v>692</v>
      </c>
      <c r="E42" s="19">
        <v>710</v>
      </c>
      <c r="F42" s="19"/>
      <c r="G42" s="18" t="s">
        <v>82</v>
      </c>
      <c r="H42" s="17"/>
      <c r="I42" s="13">
        <v>1497</v>
      </c>
      <c r="J42" s="19">
        <v>676</v>
      </c>
      <c r="K42" s="19">
        <v>821</v>
      </c>
    </row>
    <row r="43" spans="1:11" ht="15" customHeight="1">
      <c r="A43" s="17" t="s">
        <v>83</v>
      </c>
      <c r="B43" s="17"/>
      <c r="C43" s="13">
        <v>1302</v>
      </c>
      <c r="D43" s="19">
        <v>656</v>
      </c>
      <c r="E43" s="19">
        <v>646</v>
      </c>
      <c r="F43" s="19"/>
      <c r="G43" s="18" t="s">
        <v>84</v>
      </c>
      <c r="H43" s="17"/>
      <c r="I43" s="13">
        <v>1605</v>
      </c>
      <c r="J43" s="19">
        <v>736</v>
      </c>
      <c r="K43" s="19">
        <v>869</v>
      </c>
    </row>
    <row r="44" spans="1:11" ht="15" customHeight="1">
      <c r="A44" s="17" t="s">
        <v>85</v>
      </c>
      <c r="B44" s="17"/>
      <c r="C44" s="13">
        <v>1475</v>
      </c>
      <c r="D44" s="19">
        <v>732</v>
      </c>
      <c r="E44" s="19">
        <v>743</v>
      </c>
      <c r="F44" s="19"/>
      <c r="G44" s="18" t="s">
        <v>86</v>
      </c>
      <c r="H44" s="17"/>
      <c r="I44" s="13">
        <v>1335</v>
      </c>
      <c r="J44" s="19">
        <v>596</v>
      </c>
      <c r="K44" s="19">
        <v>739</v>
      </c>
    </row>
    <row r="45" spans="1:11" ht="15" customHeight="1">
      <c r="A45" s="17" t="s">
        <v>87</v>
      </c>
      <c r="B45" s="17"/>
      <c r="C45" s="13">
        <v>1417</v>
      </c>
      <c r="D45" s="19">
        <v>709</v>
      </c>
      <c r="E45" s="19">
        <v>708</v>
      </c>
      <c r="F45" s="19"/>
      <c r="G45" s="18" t="s">
        <v>88</v>
      </c>
      <c r="H45" s="17"/>
      <c r="I45" s="13">
        <v>1349</v>
      </c>
      <c r="J45" s="19">
        <v>600</v>
      </c>
      <c r="K45" s="19">
        <v>749</v>
      </c>
    </row>
    <row r="46" spans="1:11" ht="15" customHeight="1">
      <c r="A46" s="17" t="s">
        <v>89</v>
      </c>
      <c r="B46" s="17"/>
      <c r="C46" s="13">
        <v>1526</v>
      </c>
      <c r="D46" s="19">
        <v>753</v>
      </c>
      <c r="E46" s="19">
        <v>773</v>
      </c>
      <c r="F46" s="19"/>
      <c r="G46" s="18" t="s">
        <v>90</v>
      </c>
      <c r="H46" s="17"/>
      <c r="I46" s="13">
        <v>1158</v>
      </c>
      <c r="J46" s="19">
        <v>490</v>
      </c>
      <c r="K46" s="19">
        <v>668</v>
      </c>
    </row>
    <row r="47" spans="1:11" ht="20.100000000000001" customHeight="1">
      <c r="A47" s="17" t="s">
        <v>91</v>
      </c>
      <c r="B47" s="17"/>
      <c r="C47" s="13">
        <v>8282</v>
      </c>
      <c r="D47" s="14">
        <v>4179</v>
      </c>
      <c r="E47" s="14">
        <v>4103</v>
      </c>
      <c r="F47" s="14"/>
      <c r="G47" s="18" t="s">
        <v>92</v>
      </c>
      <c r="H47" s="17"/>
      <c r="I47" s="13">
        <v>4056</v>
      </c>
      <c r="J47" s="14">
        <v>1560</v>
      </c>
      <c r="K47" s="14">
        <v>2496</v>
      </c>
    </row>
    <row r="48" spans="1:11" ht="15" customHeight="1">
      <c r="A48" s="17" t="s">
        <v>93</v>
      </c>
      <c r="B48" s="17"/>
      <c r="C48" s="13">
        <v>1606</v>
      </c>
      <c r="D48" s="19">
        <v>843</v>
      </c>
      <c r="E48" s="19">
        <v>763</v>
      </c>
      <c r="F48" s="19"/>
      <c r="G48" s="18" t="s">
        <v>94</v>
      </c>
      <c r="H48" s="17"/>
      <c r="I48" s="13">
        <v>1099</v>
      </c>
      <c r="J48" s="19">
        <v>423</v>
      </c>
      <c r="K48" s="19">
        <v>676</v>
      </c>
    </row>
    <row r="49" spans="1:11" ht="15" customHeight="1">
      <c r="A49" s="17" t="s">
        <v>95</v>
      </c>
      <c r="B49" s="17"/>
      <c r="C49" s="13">
        <v>1606</v>
      </c>
      <c r="D49" s="19">
        <v>803</v>
      </c>
      <c r="E49" s="19">
        <v>803</v>
      </c>
      <c r="F49" s="19"/>
      <c r="G49" s="18" t="s">
        <v>96</v>
      </c>
      <c r="H49" s="17"/>
      <c r="I49" s="13">
        <v>915</v>
      </c>
      <c r="J49" s="19">
        <v>377</v>
      </c>
      <c r="K49" s="19">
        <v>538</v>
      </c>
    </row>
    <row r="50" spans="1:11" ht="15" customHeight="1">
      <c r="A50" s="17" t="s">
        <v>97</v>
      </c>
      <c r="B50" s="17"/>
      <c r="C50" s="13">
        <v>1544</v>
      </c>
      <c r="D50" s="19">
        <v>779</v>
      </c>
      <c r="E50" s="19">
        <v>765</v>
      </c>
      <c r="F50" s="19"/>
      <c r="G50" s="18" t="s">
        <v>98</v>
      </c>
      <c r="H50" s="17"/>
      <c r="I50" s="13">
        <v>813</v>
      </c>
      <c r="J50" s="19">
        <v>318</v>
      </c>
      <c r="K50" s="19">
        <v>495</v>
      </c>
    </row>
    <row r="51" spans="1:11" ht="15" customHeight="1">
      <c r="A51" s="17" t="s">
        <v>99</v>
      </c>
      <c r="B51" s="17"/>
      <c r="C51" s="13">
        <v>1724</v>
      </c>
      <c r="D51" s="19">
        <v>834</v>
      </c>
      <c r="E51" s="19">
        <v>890</v>
      </c>
      <c r="F51" s="19"/>
      <c r="G51" s="18" t="s">
        <v>100</v>
      </c>
      <c r="H51" s="17"/>
      <c r="I51" s="13">
        <v>661</v>
      </c>
      <c r="J51" s="19">
        <v>252</v>
      </c>
      <c r="K51" s="19">
        <v>409</v>
      </c>
    </row>
    <row r="52" spans="1:11" ht="15" customHeight="1">
      <c r="A52" s="17" t="s">
        <v>101</v>
      </c>
      <c r="B52" s="17"/>
      <c r="C52" s="13">
        <v>1802</v>
      </c>
      <c r="D52" s="19">
        <v>920</v>
      </c>
      <c r="E52" s="19">
        <v>882</v>
      </c>
      <c r="F52" s="19"/>
      <c r="G52" s="18" t="s">
        <v>102</v>
      </c>
      <c r="H52" s="17"/>
      <c r="I52" s="13">
        <v>568</v>
      </c>
      <c r="J52" s="19">
        <v>190</v>
      </c>
      <c r="K52" s="19">
        <v>378</v>
      </c>
    </row>
    <row r="53" spans="1:11" ht="20.100000000000001" customHeight="1">
      <c r="A53" s="17" t="s">
        <v>103</v>
      </c>
      <c r="B53" s="17"/>
      <c r="C53" s="13">
        <v>10666</v>
      </c>
      <c r="D53" s="14">
        <v>5408</v>
      </c>
      <c r="E53" s="14">
        <v>5258</v>
      </c>
      <c r="F53" s="14"/>
      <c r="G53" s="18" t="s">
        <v>104</v>
      </c>
      <c r="H53" s="17"/>
      <c r="I53" s="13">
        <v>1732</v>
      </c>
      <c r="J53" s="14">
        <v>520</v>
      </c>
      <c r="K53" s="14">
        <v>1212</v>
      </c>
    </row>
    <row r="54" spans="1:11" ht="15" customHeight="1">
      <c r="A54" s="17" t="s">
        <v>105</v>
      </c>
      <c r="B54" s="17"/>
      <c r="C54" s="13">
        <v>1875</v>
      </c>
      <c r="D54" s="19">
        <v>979</v>
      </c>
      <c r="E54" s="19">
        <v>896</v>
      </c>
      <c r="F54" s="19"/>
      <c r="G54" s="18" t="s">
        <v>106</v>
      </c>
      <c r="H54" s="17"/>
      <c r="I54" s="13">
        <v>472</v>
      </c>
      <c r="J54" s="19">
        <v>169</v>
      </c>
      <c r="K54" s="19">
        <v>303</v>
      </c>
    </row>
    <row r="55" spans="1:11" ht="15" customHeight="1">
      <c r="A55" s="17" t="s">
        <v>107</v>
      </c>
      <c r="B55" s="17"/>
      <c r="C55" s="13">
        <v>1977</v>
      </c>
      <c r="D55" s="19">
        <v>1012</v>
      </c>
      <c r="E55" s="19">
        <v>965</v>
      </c>
      <c r="F55" s="19"/>
      <c r="G55" s="18" t="s">
        <v>108</v>
      </c>
      <c r="H55" s="17"/>
      <c r="I55" s="13">
        <v>379</v>
      </c>
      <c r="J55" s="19">
        <v>117</v>
      </c>
      <c r="K55" s="19">
        <v>262</v>
      </c>
    </row>
    <row r="56" spans="1:11" ht="15" customHeight="1">
      <c r="A56" s="17" t="s">
        <v>109</v>
      </c>
      <c r="B56" s="17"/>
      <c r="C56" s="13">
        <v>2091</v>
      </c>
      <c r="D56" s="19">
        <v>1033</v>
      </c>
      <c r="E56" s="19">
        <v>1058</v>
      </c>
      <c r="F56" s="19"/>
      <c r="G56" s="18" t="s">
        <v>110</v>
      </c>
      <c r="H56" s="17"/>
      <c r="I56" s="13">
        <v>364</v>
      </c>
      <c r="J56" s="19">
        <v>106</v>
      </c>
      <c r="K56" s="19">
        <v>258</v>
      </c>
    </row>
    <row r="57" spans="1:11" ht="15" customHeight="1">
      <c r="A57" s="17" t="s">
        <v>111</v>
      </c>
      <c r="B57" s="17"/>
      <c r="C57" s="13">
        <v>2218</v>
      </c>
      <c r="D57" s="19">
        <v>1126</v>
      </c>
      <c r="E57" s="19">
        <v>1092</v>
      </c>
      <c r="F57" s="19"/>
      <c r="G57" s="18" t="s">
        <v>112</v>
      </c>
      <c r="H57" s="17"/>
      <c r="I57" s="13">
        <v>299</v>
      </c>
      <c r="J57" s="19">
        <v>79</v>
      </c>
      <c r="K57" s="19">
        <v>220</v>
      </c>
    </row>
    <row r="58" spans="1:11" ht="15" customHeight="1">
      <c r="A58" s="17" t="s">
        <v>113</v>
      </c>
      <c r="B58" s="17"/>
      <c r="C58" s="13">
        <v>2505</v>
      </c>
      <c r="D58" s="19">
        <v>1258</v>
      </c>
      <c r="E58" s="19">
        <v>1247</v>
      </c>
      <c r="F58" s="19"/>
      <c r="G58" s="18" t="s">
        <v>114</v>
      </c>
      <c r="H58" s="17"/>
      <c r="I58" s="13">
        <v>218</v>
      </c>
      <c r="J58" s="19">
        <v>49</v>
      </c>
      <c r="K58" s="19">
        <v>169</v>
      </c>
    </row>
    <row r="59" spans="1:11" ht="20.100000000000001" customHeight="1">
      <c r="A59" s="17" t="s">
        <v>115</v>
      </c>
      <c r="B59" s="17"/>
      <c r="C59" s="13">
        <v>12958</v>
      </c>
      <c r="D59" s="14">
        <v>6471</v>
      </c>
      <c r="E59" s="14">
        <v>6487</v>
      </c>
      <c r="F59" s="14"/>
      <c r="G59" s="18" t="s">
        <v>116</v>
      </c>
      <c r="H59" s="17"/>
      <c r="I59" s="13">
        <v>574</v>
      </c>
      <c r="J59" s="14">
        <v>85</v>
      </c>
      <c r="K59" s="14">
        <v>489</v>
      </c>
    </row>
    <row r="60" spans="1:11" ht="15" customHeight="1">
      <c r="A60" s="17" t="s">
        <v>117</v>
      </c>
      <c r="B60" s="17"/>
      <c r="C60" s="13">
        <v>2648</v>
      </c>
      <c r="D60" s="19">
        <v>1329</v>
      </c>
      <c r="E60" s="19">
        <v>1319</v>
      </c>
      <c r="F60" s="19"/>
      <c r="G60" s="18" t="s">
        <v>118</v>
      </c>
      <c r="H60" s="17"/>
      <c r="I60" s="13">
        <v>172</v>
      </c>
      <c r="J60" s="19">
        <v>31</v>
      </c>
      <c r="K60" s="19">
        <v>141</v>
      </c>
    </row>
    <row r="61" spans="1:11" ht="15" customHeight="1">
      <c r="A61" s="17" t="s">
        <v>119</v>
      </c>
      <c r="B61" s="17"/>
      <c r="C61" s="13">
        <v>2587</v>
      </c>
      <c r="D61" s="19">
        <v>1281</v>
      </c>
      <c r="E61" s="19">
        <v>1306</v>
      </c>
      <c r="F61" s="19"/>
      <c r="G61" s="18" t="s">
        <v>120</v>
      </c>
      <c r="H61" s="17"/>
      <c r="I61" s="13">
        <v>143</v>
      </c>
      <c r="J61" s="19">
        <v>21</v>
      </c>
      <c r="K61" s="19">
        <v>122</v>
      </c>
    </row>
    <row r="62" spans="1:11" ht="15" customHeight="1">
      <c r="A62" s="17" t="s">
        <v>121</v>
      </c>
      <c r="B62" s="17"/>
      <c r="C62" s="13">
        <v>2622</v>
      </c>
      <c r="D62" s="19">
        <v>1324</v>
      </c>
      <c r="E62" s="19">
        <v>1298</v>
      </c>
      <c r="F62" s="19"/>
      <c r="G62" s="18" t="s">
        <v>122</v>
      </c>
      <c r="H62" s="17"/>
      <c r="I62" s="13">
        <v>106</v>
      </c>
      <c r="J62" s="19">
        <v>15</v>
      </c>
      <c r="K62" s="19">
        <v>91</v>
      </c>
    </row>
    <row r="63" spans="1:11" ht="15" customHeight="1">
      <c r="A63" s="17" t="s">
        <v>123</v>
      </c>
      <c r="B63" s="17"/>
      <c r="C63" s="13">
        <v>2632</v>
      </c>
      <c r="D63" s="19">
        <v>1310</v>
      </c>
      <c r="E63" s="19">
        <v>1322</v>
      </c>
      <c r="F63" s="19"/>
      <c r="G63" s="18" t="s">
        <v>124</v>
      </c>
      <c r="H63" s="17"/>
      <c r="I63" s="13">
        <v>88</v>
      </c>
      <c r="J63" s="19">
        <v>11</v>
      </c>
      <c r="K63" s="19">
        <v>77</v>
      </c>
    </row>
    <row r="64" spans="1:11" ht="15" customHeight="1">
      <c r="A64" s="17" t="s">
        <v>125</v>
      </c>
      <c r="B64" s="17"/>
      <c r="C64" s="13">
        <v>2469</v>
      </c>
      <c r="D64" s="19">
        <v>1227</v>
      </c>
      <c r="E64" s="19">
        <v>1242</v>
      </c>
      <c r="F64" s="19"/>
      <c r="G64" s="18" t="s">
        <v>126</v>
      </c>
      <c r="H64" s="17"/>
      <c r="I64" s="13">
        <v>65</v>
      </c>
      <c r="J64" s="19">
        <v>7</v>
      </c>
      <c r="K64" s="19">
        <v>5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36</v>
      </c>
      <c r="J65" s="19">
        <v>16</v>
      </c>
      <c r="K65" s="19">
        <v>12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86</v>
      </c>
      <c r="J66" s="29">
        <v>277</v>
      </c>
      <c r="K66" s="29">
        <v>10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8" pageOrder="overThenDown" orientation="portrait" blackAndWhite="1" useFirstPageNumber="1" horizontalDpi="300" verticalDpi="300"/>
  <headerFooter scaleWithDoc="0"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09893</v>
      </c>
      <c r="D4" s="14">
        <v>150592</v>
      </c>
      <c r="E4" s="14">
        <v>15930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2123</v>
      </c>
      <c r="D5" s="14">
        <v>6261</v>
      </c>
      <c r="E5" s="14">
        <v>5862</v>
      </c>
      <c r="F5" s="14"/>
      <c r="G5" s="18" t="s">
        <v>8</v>
      </c>
      <c r="H5" s="17"/>
      <c r="I5" s="13">
        <v>27299</v>
      </c>
      <c r="J5" s="14">
        <v>13466</v>
      </c>
      <c r="K5" s="14">
        <v>13833</v>
      </c>
    </row>
    <row r="6" spans="1:11" ht="15" customHeight="1">
      <c r="A6" s="17" t="s">
        <v>9</v>
      </c>
      <c r="B6" s="17"/>
      <c r="C6" s="13">
        <v>2242</v>
      </c>
      <c r="D6" s="19">
        <v>1178</v>
      </c>
      <c r="E6" s="19">
        <v>1064</v>
      </c>
      <c r="F6" s="19"/>
      <c r="G6" s="18" t="s">
        <v>10</v>
      </c>
      <c r="H6" s="17"/>
      <c r="I6" s="13">
        <v>5893</v>
      </c>
      <c r="J6" s="19">
        <v>2847</v>
      </c>
      <c r="K6" s="19">
        <v>3046</v>
      </c>
    </row>
    <row r="7" spans="1:11" ht="15" customHeight="1">
      <c r="A7" s="17" t="s">
        <v>11</v>
      </c>
      <c r="B7" s="17"/>
      <c r="C7" s="13">
        <v>2362</v>
      </c>
      <c r="D7" s="19">
        <v>1210</v>
      </c>
      <c r="E7" s="19">
        <v>1152</v>
      </c>
      <c r="F7" s="19"/>
      <c r="G7" s="18" t="s">
        <v>12</v>
      </c>
      <c r="H7" s="17"/>
      <c r="I7" s="13">
        <v>6057</v>
      </c>
      <c r="J7" s="19">
        <v>2944</v>
      </c>
      <c r="K7" s="19">
        <v>3113</v>
      </c>
    </row>
    <row r="8" spans="1:11" ht="15" customHeight="1">
      <c r="A8" s="17" t="s">
        <v>13</v>
      </c>
      <c r="B8" s="17"/>
      <c r="C8" s="13">
        <v>2496</v>
      </c>
      <c r="D8" s="19">
        <v>1284</v>
      </c>
      <c r="E8" s="19">
        <v>1212</v>
      </c>
      <c r="F8" s="19"/>
      <c r="G8" s="18" t="s">
        <v>14</v>
      </c>
      <c r="H8" s="17"/>
      <c r="I8" s="13">
        <v>4402</v>
      </c>
      <c r="J8" s="19">
        <v>2176</v>
      </c>
      <c r="K8" s="19">
        <v>2226</v>
      </c>
    </row>
    <row r="9" spans="1:11" ht="15" customHeight="1">
      <c r="A9" s="17" t="s">
        <v>15</v>
      </c>
      <c r="B9" s="17"/>
      <c r="C9" s="13">
        <v>2476</v>
      </c>
      <c r="D9" s="19">
        <v>1265</v>
      </c>
      <c r="E9" s="19">
        <v>1211</v>
      </c>
      <c r="F9" s="19"/>
      <c r="G9" s="18" t="s">
        <v>16</v>
      </c>
      <c r="H9" s="17"/>
      <c r="I9" s="13">
        <v>5734</v>
      </c>
      <c r="J9" s="19">
        <v>2845</v>
      </c>
      <c r="K9" s="19">
        <v>2889</v>
      </c>
    </row>
    <row r="10" spans="1:11" ht="15" customHeight="1">
      <c r="A10" s="17" t="s">
        <v>17</v>
      </c>
      <c r="B10" s="17"/>
      <c r="C10" s="13">
        <v>2547</v>
      </c>
      <c r="D10" s="19">
        <v>1324</v>
      </c>
      <c r="E10" s="19">
        <v>1223</v>
      </c>
      <c r="F10" s="19"/>
      <c r="G10" s="18" t="s">
        <v>18</v>
      </c>
      <c r="H10" s="17"/>
      <c r="I10" s="13">
        <v>5213</v>
      </c>
      <c r="J10" s="19">
        <v>2654</v>
      </c>
      <c r="K10" s="19">
        <v>2559</v>
      </c>
    </row>
    <row r="11" spans="1:11" ht="20.100000000000001" customHeight="1">
      <c r="A11" s="17" t="s">
        <v>19</v>
      </c>
      <c r="B11" s="17"/>
      <c r="C11" s="13">
        <v>13563</v>
      </c>
      <c r="D11" s="14">
        <v>6942</v>
      </c>
      <c r="E11" s="14">
        <v>6621</v>
      </c>
      <c r="F11" s="14"/>
      <c r="G11" s="18" t="s">
        <v>20</v>
      </c>
      <c r="H11" s="17"/>
      <c r="I11" s="13">
        <v>21545</v>
      </c>
      <c r="J11" s="14">
        <v>10924</v>
      </c>
      <c r="K11" s="14">
        <v>10621</v>
      </c>
    </row>
    <row r="12" spans="1:11" ht="15" customHeight="1">
      <c r="A12" s="17" t="s">
        <v>21</v>
      </c>
      <c r="B12" s="17"/>
      <c r="C12" s="13">
        <v>2640</v>
      </c>
      <c r="D12" s="19">
        <v>1368</v>
      </c>
      <c r="E12" s="19">
        <v>1272</v>
      </c>
      <c r="F12" s="19"/>
      <c r="G12" s="18" t="s">
        <v>22</v>
      </c>
      <c r="H12" s="17"/>
      <c r="I12" s="13">
        <v>4809</v>
      </c>
      <c r="J12" s="19">
        <v>2407</v>
      </c>
      <c r="K12" s="19">
        <v>2402</v>
      </c>
    </row>
    <row r="13" spans="1:11" ht="15" customHeight="1">
      <c r="A13" s="17" t="s">
        <v>23</v>
      </c>
      <c r="B13" s="17"/>
      <c r="C13" s="13">
        <v>2714</v>
      </c>
      <c r="D13" s="19">
        <v>1388</v>
      </c>
      <c r="E13" s="19">
        <v>1326</v>
      </c>
      <c r="F13" s="19"/>
      <c r="G13" s="18" t="s">
        <v>24</v>
      </c>
      <c r="H13" s="17"/>
      <c r="I13" s="13">
        <v>4675</v>
      </c>
      <c r="J13" s="19">
        <v>2293</v>
      </c>
      <c r="K13" s="19">
        <v>2382</v>
      </c>
    </row>
    <row r="14" spans="1:11" ht="15" customHeight="1">
      <c r="A14" s="17" t="s">
        <v>25</v>
      </c>
      <c r="B14" s="17"/>
      <c r="C14" s="13">
        <v>2626</v>
      </c>
      <c r="D14" s="19">
        <v>1345</v>
      </c>
      <c r="E14" s="19">
        <v>1281</v>
      </c>
      <c r="F14" s="19"/>
      <c r="G14" s="18" t="s">
        <v>26</v>
      </c>
      <c r="H14" s="17"/>
      <c r="I14" s="13">
        <v>4179</v>
      </c>
      <c r="J14" s="19">
        <v>2215</v>
      </c>
      <c r="K14" s="19">
        <v>1964</v>
      </c>
    </row>
    <row r="15" spans="1:11" ht="15" customHeight="1">
      <c r="A15" s="17" t="s">
        <v>27</v>
      </c>
      <c r="B15" s="17"/>
      <c r="C15" s="13">
        <v>2789</v>
      </c>
      <c r="D15" s="19">
        <v>1416</v>
      </c>
      <c r="E15" s="19">
        <v>1373</v>
      </c>
      <c r="F15" s="19"/>
      <c r="G15" s="18" t="s">
        <v>28</v>
      </c>
      <c r="H15" s="17"/>
      <c r="I15" s="13">
        <v>4053</v>
      </c>
      <c r="J15" s="19">
        <v>2047</v>
      </c>
      <c r="K15" s="19">
        <v>2006</v>
      </c>
    </row>
    <row r="16" spans="1:11" ht="15" customHeight="1">
      <c r="A16" s="17" t="s">
        <v>29</v>
      </c>
      <c r="B16" s="17"/>
      <c r="C16" s="13">
        <v>2794</v>
      </c>
      <c r="D16" s="19">
        <v>1425</v>
      </c>
      <c r="E16" s="19">
        <v>1369</v>
      </c>
      <c r="F16" s="19"/>
      <c r="G16" s="18" t="s">
        <v>30</v>
      </c>
      <c r="H16" s="17"/>
      <c r="I16" s="13">
        <v>3829</v>
      </c>
      <c r="J16" s="19">
        <v>1962</v>
      </c>
      <c r="K16" s="19">
        <v>1867</v>
      </c>
    </row>
    <row r="17" spans="1:11" ht="20.100000000000001" customHeight="1">
      <c r="A17" s="20" t="s">
        <v>31</v>
      </c>
      <c r="B17" s="20"/>
      <c r="C17" s="13">
        <v>14416</v>
      </c>
      <c r="D17" s="14">
        <v>7317</v>
      </c>
      <c r="E17" s="14">
        <v>7099</v>
      </c>
      <c r="F17" s="14"/>
      <c r="G17" s="18" t="s">
        <v>32</v>
      </c>
      <c r="H17" s="17"/>
      <c r="I17" s="13">
        <v>16702</v>
      </c>
      <c r="J17" s="14">
        <v>8221</v>
      </c>
      <c r="K17" s="14">
        <v>8481</v>
      </c>
    </row>
    <row r="18" spans="1:11" ht="15" customHeight="1">
      <c r="A18" s="17" t="s">
        <v>33</v>
      </c>
      <c r="B18" s="17"/>
      <c r="C18" s="13">
        <v>2867</v>
      </c>
      <c r="D18" s="19">
        <v>1467</v>
      </c>
      <c r="E18" s="19">
        <v>1400</v>
      </c>
      <c r="F18" s="19"/>
      <c r="G18" s="18" t="s">
        <v>34</v>
      </c>
      <c r="H18" s="17"/>
      <c r="I18" s="13">
        <v>3751</v>
      </c>
      <c r="J18" s="19">
        <v>1853</v>
      </c>
      <c r="K18" s="19">
        <v>1898</v>
      </c>
    </row>
    <row r="19" spans="1:11" ht="15" customHeight="1">
      <c r="A19" s="17" t="s">
        <v>35</v>
      </c>
      <c r="B19" s="17"/>
      <c r="C19" s="13">
        <v>2817</v>
      </c>
      <c r="D19" s="19">
        <v>1449</v>
      </c>
      <c r="E19" s="19">
        <v>1368</v>
      </c>
      <c r="F19" s="19"/>
      <c r="G19" s="18" t="s">
        <v>36</v>
      </c>
      <c r="H19" s="17"/>
      <c r="I19" s="13">
        <v>3382</v>
      </c>
      <c r="J19" s="19">
        <v>1667</v>
      </c>
      <c r="K19" s="19">
        <v>1715</v>
      </c>
    </row>
    <row r="20" spans="1:11" ht="15" customHeight="1">
      <c r="A20" s="17" t="s">
        <v>37</v>
      </c>
      <c r="B20" s="17"/>
      <c r="C20" s="13">
        <v>2804</v>
      </c>
      <c r="D20" s="19">
        <v>1425</v>
      </c>
      <c r="E20" s="19">
        <v>1379</v>
      </c>
      <c r="F20" s="19"/>
      <c r="G20" s="18" t="s">
        <v>38</v>
      </c>
      <c r="H20" s="17"/>
      <c r="I20" s="13">
        <v>3292</v>
      </c>
      <c r="J20" s="19">
        <v>1674</v>
      </c>
      <c r="K20" s="19">
        <v>1618</v>
      </c>
    </row>
    <row r="21" spans="1:11" ht="15" customHeight="1">
      <c r="A21" s="17" t="s">
        <v>39</v>
      </c>
      <c r="B21" s="17"/>
      <c r="C21" s="13">
        <v>2883</v>
      </c>
      <c r="D21" s="19">
        <v>1439</v>
      </c>
      <c r="E21" s="19">
        <v>1444</v>
      </c>
      <c r="F21" s="19"/>
      <c r="G21" s="18" t="s">
        <v>40</v>
      </c>
      <c r="H21" s="17"/>
      <c r="I21" s="13">
        <v>3206</v>
      </c>
      <c r="J21" s="19">
        <v>1543</v>
      </c>
      <c r="K21" s="19">
        <v>1663</v>
      </c>
    </row>
    <row r="22" spans="1:11" ht="15" customHeight="1">
      <c r="A22" s="17" t="s">
        <v>41</v>
      </c>
      <c r="B22" s="17"/>
      <c r="C22" s="13">
        <v>3045</v>
      </c>
      <c r="D22" s="19">
        <v>1537</v>
      </c>
      <c r="E22" s="19">
        <v>1508</v>
      </c>
      <c r="F22" s="19"/>
      <c r="G22" s="18" t="s">
        <v>42</v>
      </c>
      <c r="H22" s="17"/>
      <c r="I22" s="13">
        <v>3071</v>
      </c>
      <c r="J22" s="19">
        <v>1484</v>
      </c>
      <c r="K22" s="19">
        <v>1587</v>
      </c>
    </row>
    <row r="23" spans="1:11" ht="20.100000000000001" customHeight="1">
      <c r="A23" s="17" t="s">
        <v>43</v>
      </c>
      <c r="B23" s="17"/>
      <c r="C23" s="13">
        <v>17122</v>
      </c>
      <c r="D23" s="14">
        <v>8837</v>
      </c>
      <c r="E23" s="14">
        <v>8285</v>
      </c>
      <c r="F23" s="14"/>
      <c r="G23" s="18" t="s">
        <v>44</v>
      </c>
      <c r="H23" s="17"/>
      <c r="I23" s="13">
        <v>17386</v>
      </c>
      <c r="J23" s="14">
        <v>8242</v>
      </c>
      <c r="K23" s="14">
        <v>9144</v>
      </c>
    </row>
    <row r="24" spans="1:11" ht="15" customHeight="1">
      <c r="A24" s="17" t="s">
        <v>45</v>
      </c>
      <c r="B24" s="17"/>
      <c r="C24" s="13">
        <v>3120</v>
      </c>
      <c r="D24" s="19">
        <v>1624</v>
      </c>
      <c r="E24" s="19">
        <v>1496</v>
      </c>
      <c r="F24" s="19"/>
      <c r="G24" s="18" t="s">
        <v>46</v>
      </c>
      <c r="H24" s="17"/>
      <c r="I24" s="13">
        <v>3135</v>
      </c>
      <c r="J24" s="19">
        <v>1491</v>
      </c>
      <c r="K24" s="19">
        <v>1644</v>
      </c>
    </row>
    <row r="25" spans="1:11" ht="15" customHeight="1">
      <c r="A25" s="17" t="s">
        <v>47</v>
      </c>
      <c r="B25" s="17"/>
      <c r="C25" s="13">
        <v>3275</v>
      </c>
      <c r="D25" s="19">
        <v>1660</v>
      </c>
      <c r="E25" s="19">
        <v>1615</v>
      </c>
      <c r="F25" s="19"/>
      <c r="G25" s="18" t="s">
        <v>48</v>
      </c>
      <c r="H25" s="17"/>
      <c r="I25" s="13">
        <v>3216</v>
      </c>
      <c r="J25" s="19">
        <v>1526</v>
      </c>
      <c r="K25" s="19">
        <v>1690</v>
      </c>
    </row>
    <row r="26" spans="1:11" ht="15" customHeight="1">
      <c r="A26" s="17" t="s">
        <v>49</v>
      </c>
      <c r="B26" s="17"/>
      <c r="C26" s="13">
        <v>3338</v>
      </c>
      <c r="D26" s="19">
        <v>1783</v>
      </c>
      <c r="E26" s="19">
        <v>1555</v>
      </c>
      <c r="F26" s="19"/>
      <c r="G26" s="18" t="s">
        <v>50</v>
      </c>
      <c r="H26" s="17"/>
      <c r="I26" s="13">
        <v>3330</v>
      </c>
      <c r="J26" s="19">
        <v>1640</v>
      </c>
      <c r="K26" s="19">
        <v>1690</v>
      </c>
    </row>
    <row r="27" spans="1:11" ht="15" customHeight="1">
      <c r="A27" s="17" t="s">
        <v>51</v>
      </c>
      <c r="B27" s="17"/>
      <c r="C27" s="13">
        <v>3643</v>
      </c>
      <c r="D27" s="19">
        <v>1836</v>
      </c>
      <c r="E27" s="19">
        <v>1807</v>
      </c>
      <c r="F27" s="19"/>
      <c r="G27" s="18" t="s">
        <v>52</v>
      </c>
      <c r="H27" s="17"/>
      <c r="I27" s="13">
        <v>3484</v>
      </c>
      <c r="J27" s="19">
        <v>1630</v>
      </c>
      <c r="K27" s="19">
        <v>1854</v>
      </c>
    </row>
    <row r="28" spans="1:11" ht="15" customHeight="1">
      <c r="A28" s="17" t="s">
        <v>53</v>
      </c>
      <c r="B28" s="17"/>
      <c r="C28" s="13">
        <v>3746</v>
      </c>
      <c r="D28" s="19">
        <v>1934</v>
      </c>
      <c r="E28" s="19">
        <v>1812</v>
      </c>
      <c r="F28" s="19"/>
      <c r="G28" s="18" t="s">
        <v>54</v>
      </c>
      <c r="H28" s="17"/>
      <c r="I28" s="13">
        <v>4221</v>
      </c>
      <c r="J28" s="19">
        <v>1955</v>
      </c>
      <c r="K28" s="19">
        <v>2266</v>
      </c>
    </row>
    <row r="29" spans="1:11" ht="20.100000000000001" customHeight="1">
      <c r="A29" s="17" t="s">
        <v>55</v>
      </c>
      <c r="B29" s="17"/>
      <c r="C29" s="13">
        <v>20677</v>
      </c>
      <c r="D29" s="14">
        <v>10628</v>
      </c>
      <c r="E29" s="14">
        <v>10049</v>
      </c>
      <c r="F29" s="14"/>
      <c r="G29" s="18" t="s">
        <v>56</v>
      </c>
      <c r="H29" s="17"/>
      <c r="I29" s="13">
        <v>16385</v>
      </c>
      <c r="J29" s="14">
        <v>7763</v>
      </c>
      <c r="K29" s="14">
        <v>8622</v>
      </c>
    </row>
    <row r="30" spans="1:11" ht="15" customHeight="1">
      <c r="A30" s="17" t="s">
        <v>57</v>
      </c>
      <c r="B30" s="17"/>
      <c r="C30" s="13">
        <v>3946</v>
      </c>
      <c r="D30" s="19">
        <v>2087</v>
      </c>
      <c r="E30" s="19">
        <v>1859</v>
      </c>
      <c r="F30" s="19"/>
      <c r="G30" s="18" t="s">
        <v>58</v>
      </c>
      <c r="H30" s="17"/>
      <c r="I30" s="13">
        <v>4046</v>
      </c>
      <c r="J30" s="19">
        <v>1898</v>
      </c>
      <c r="K30" s="19">
        <v>2148</v>
      </c>
    </row>
    <row r="31" spans="1:11" ht="15" customHeight="1">
      <c r="A31" s="17" t="s">
        <v>59</v>
      </c>
      <c r="B31" s="17"/>
      <c r="C31" s="13">
        <v>4057</v>
      </c>
      <c r="D31" s="19">
        <v>2076</v>
      </c>
      <c r="E31" s="19">
        <v>1981</v>
      </c>
      <c r="F31" s="19"/>
      <c r="G31" s="18" t="s">
        <v>60</v>
      </c>
      <c r="H31" s="17"/>
      <c r="I31" s="13">
        <v>4023</v>
      </c>
      <c r="J31" s="19">
        <v>1951</v>
      </c>
      <c r="K31" s="19">
        <v>2072</v>
      </c>
    </row>
    <row r="32" spans="1:11" ht="15" customHeight="1">
      <c r="A32" s="17" t="s">
        <v>61</v>
      </c>
      <c r="B32" s="17"/>
      <c r="C32" s="13">
        <v>4561</v>
      </c>
      <c r="D32" s="19">
        <v>2394</v>
      </c>
      <c r="E32" s="19">
        <v>2167</v>
      </c>
      <c r="F32" s="19"/>
      <c r="G32" s="18" t="s">
        <v>62</v>
      </c>
      <c r="H32" s="17"/>
      <c r="I32" s="13">
        <v>2844</v>
      </c>
      <c r="J32" s="19">
        <v>1342</v>
      </c>
      <c r="K32" s="19">
        <v>1502</v>
      </c>
    </row>
    <row r="33" spans="1:11" ht="15" customHeight="1">
      <c r="A33" s="17" t="s">
        <v>63</v>
      </c>
      <c r="B33" s="17"/>
      <c r="C33" s="13">
        <v>4191</v>
      </c>
      <c r="D33" s="19">
        <v>2093</v>
      </c>
      <c r="E33" s="19">
        <v>2098</v>
      </c>
      <c r="F33" s="19"/>
      <c r="G33" s="18" t="s">
        <v>64</v>
      </c>
      <c r="H33" s="17"/>
      <c r="I33" s="13">
        <v>2514</v>
      </c>
      <c r="J33" s="19">
        <v>1156</v>
      </c>
      <c r="K33" s="19">
        <v>1358</v>
      </c>
    </row>
    <row r="34" spans="1:11" ht="15" customHeight="1">
      <c r="A34" s="17" t="s">
        <v>65</v>
      </c>
      <c r="B34" s="17"/>
      <c r="C34" s="13">
        <v>3922</v>
      </c>
      <c r="D34" s="19">
        <v>1978</v>
      </c>
      <c r="E34" s="19">
        <v>1944</v>
      </c>
      <c r="F34" s="19"/>
      <c r="G34" s="18" t="s">
        <v>66</v>
      </c>
      <c r="H34" s="17"/>
      <c r="I34" s="13">
        <v>2958</v>
      </c>
      <c r="J34" s="19">
        <v>1416</v>
      </c>
      <c r="K34" s="19">
        <v>1542</v>
      </c>
    </row>
    <row r="35" spans="1:11" ht="20.100000000000001" customHeight="1">
      <c r="A35" s="17" t="s">
        <v>67</v>
      </c>
      <c r="B35" s="17"/>
      <c r="C35" s="13">
        <v>14551</v>
      </c>
      <c r="D35" s="14">
        <v>7109</v>
      </c>
      <c r="E35" s="14">
        <v>7442</v>
      </c>
      <c r="F35" s="14"/>
      <c r="G35" s="18" t="s">
        <v>68</v>
      </c>
      <c r="H35" s="17"/>
      <c r="I35" s="13">
        <v>13203</v>
      </c>
      <c r="J35" s="14">
        <v>6158</v>
      </c>
      <c r="K35" s="14">
        <v>7045</v>
      </c>
    </row>
    <row r="36" spans="1:11" ht="15" customHeight="1">
      <c r="A36" s="17" t="s">
        <v>69</v>
      </c>
      <c r="B36" s="17"/>
      <c r="C36" s="13">
        <v>3253</v>
      </c>
      <c r="D36" s="19">
        <v>1636</v>
      </c>
      <c r="E36" s="19">
        <v>1617</v>
      </c>
      <c r="F36" s="19"/>
      <c r="G36" s="18" t="s">
        <v>70</v>
      </c>
      <c r="H36" s="17"/>
      <c r="I36" s="13">
        <v>3009</v>
      </c>
      <c r="J36" s="19">
        <v>1424</v>
      </c>
      <c r="K36" s="19">
        <v>1585</v>
      </c>
    </row>
    <row r="37" spans="1:11" ht="15" customHeight="1">
      <c r="A37" s="17" t="s">
        <v>71</v>
      </c>
      <c r="B37" s="17"/>
      <c r="C37" s="13">
        <v>2971</v>
      </c>
      <c r="D37" s="19">
        <v>1434</v>
      </c>
      <c r="E37" s="19">
        <v>1537</v>
      </c>
      <c r="F37" s="19"/>
      <c r="G37" s="18" t="s">
        <v>72</v>
      </c>
      <c r="H37" s="17"/>
      <c r="I37" s="13">
        <v>2900</v>
      </c>
      <c r="J37" s="19">
        <v>1355</v>
      </c>
      <c r="K37" s="19">
        <v>1545</v>
      </c>
    </row>
    <row r="38" spans="1:11" ht="15" customHeight="1">
      <c r="A38" s="17" t="s">
        <v>73</v>
      </c>
      <c r="B38" s="17"/>
      <c r="C38" s="13">
        <v>2899</v>
      </c>
      <c r="D38" s="19">
        <v>1412</v>
      </c>
      <c r="E38" s="19">
        <v>1487</v>
      </c>
      <c r="F38" s="19"/>
      <c r="G38" s="18" t="s">
        <v>74</v>
      </c>
      <c r="H38" s="17"/>
      <c r="I38" s="13">
        <v>2729</v>
      </c>
      <c r="J38" s="19">
        <v>1244</v>
      </c>
      <c r="K38" s="19">
        <v>1485</v>
      </c>
    </row>
    <row r="39" spans="1:11" ht="15" customHeight="1">
      <c r="A39" s="17" t="s">
        <v>75</v>
      </c>
      <c r="B39" s="17"/>
      <c r="C39" s="13">
        <v>2653</v>
      </c>
      <c r="D39" s="19">
        <v>1299</v>
      </c>
      <c r="E39" s="19">
        <v>1354</v>
      </c>
      <c r="F39" s="19"/>
      <c r="G39" s="18" t="s">
        <v>76</v>
      </c>
      <c r="H39" s="17"/>
      <c r="I39" s="13">
        <v>2453</v>
      </c>
      <c r="J39" s="19">
        <v>1152</v>
      </c>
      <c r="K39" s="19">
        <v>1301</v>
      </c>
    </row>
    <row r="40" spans="1:11" ht="15" customHeight="1">
      <c r="A40" s="17" t="s">
        <v>77</v>
      </c>
      <c r="B40" s="17"/>
      <c r="C40" s="13">
        <v>2775</v>
      </c>
      <c r="D40" s="19">
        <v>1328</v>
      </c>
      <c r="E40" s="19">
        <v>1447</v>
      </c>
      <c r="F40" s="19"/>
      <c r="G40" s="18" t="s">
        <v>78</v>
      </c>
      <c r="H40" s="17"/>
      <c r="I40" s="13">
        <v>2112</v>
      </c>
      <c r="J40" s="19">
        <v>983</v>
      </c>
      <c r="K40" s="19">
        <v>1129</v>
      </c>
    </row>
    <row r="41" spans="1:11" ht="20.100000000000001" customHeight="1">
      <c r="A41" s="17" t="s">
        <v>79</v>
      </c>
      <c r="B41" s="17"/>
      <c r="C41" s="13">
        <v>15719</v>
      </c>
      <c r="D41" s="14">
        <v>7689</v>
      </c>
      <c r="E41" s="14">
        <v>8030</v>
      </c>
      <c r="F41" s="14"/>
      <c r="G41" s="18" t="s">
        <v>80</v>
      </c>
      <c r="H41" s="17"/>
      <c r="I41" s="13">
        <v>9346</v>
      </c>
      <c r="J41" s="14">
        <v>4120</v>
      </c>
      <c r="K41" s="14">
        <v>5226</v>
      </c>
    </row>
    <row r="42" spans="1:11" ht="15" customHeight="1">
      <c r="A42" s="17" t="s">
        <v>81</v>
      </c>
      <c r="B42" s="17"/>
      <c r="C42" s="13">
        <v>3023</v>
      </c>
      <c r="D42" s="19">
        <v>1524</v>
      </c>
      <c r="E42" s="19">
        <v>1499</v>
      </c>
      <c r="F42" s="19"/>
      <c r="G42" s="18" t="s">
        <v>82</v>
      </c>
      <c r="H42" s="17"/>
      <c r="I42" s="13">
        <v>2004</v>
      </c>
      <c r="J42" s="19">
        <v>926</v>
      </c>
      <c r="K42" s="19">
        <v>1078</v>
      </c>
    </row>
    <row r="43" spans="1:11" ht="15" customHeight="1">
      <c r="A43" s="17" t="s">
        <v>83</v>
      </c>
      <c r="B43" s="17"/>
      <c r="C43" s="13">
        <v>2967</v>
      </c>
      <c r="D43" s="19">
        <v>1437</v>
      </c>
      <c r="E43" s="19">
        <v>1530</v>
      </c>
      <c r="F43" s="19"/>
      <c r="G43" s="18" t="s">
        <v>84</v>
      </c>
      <c r="H43" s="17"/>
      <c r="I43" s="13">
        <v>2043</v>
      </c>
      <c r="J43" s="19">
        <v>890</v>
      </c>
      <c r="K43" s="19">
        <v>1153</v>
      </c>
    </row>
    <row r="44" spans="1:11" ht="15" customHeight="1">
      <c r="A44" s="17" t="s">
        <v>85</v>
      </c>
      <c r="B44" s="17"/>
      <c r="C44" s="13">
        <v>3145</v>
      </c>
      <c r="D44" s="19">
        <v>1532</v>
      </c>
      <c r="E44" s="19">
        <v>1613</v>
      </c>
      <c r="F44" s="19"/>
      <c r="G44" s="18" t="s">
        <v>86</v>
      </c>
      <c r="H44" s="17"/>
      <c r="I44" s="13">
        <v>1926</v>
      </c>
      <c r="J44" s="19">
        <v>828</v>
      </c>
      <c r="K44" s="19">
        <v>1098</v>
      </c>
    </row>
    <row r="45" spans="1:11" ht="15" customHeight="1">
      <c r="A45" s="17" t="s">
        <v>87</v>
      </c>
      <c r="B45" s="17"/>
      <c r="C45" s="13">
        <v>3267</v>
      </c>
      <c r="D45" s="19">
        <v>1564</v>
      </c>
      <c r="E45" s="19">
        <v>1703</v>
      </c>
      <c r="F45" s="19"/>
      <c r="G45" s="18" t="s">
        <v>88</v>
      </c>
      <c r="H45" s="17"/>
      <c r="I45" s="13">
        <v>1814</v>
      </c>
      <c r="J45" s="19">
        <v>823</v>
      </c>
      <c r="K45" s="19">
        <v>991</v>
      </c>
    </row>
    <row r="46" spans="1:11" ht="15" customHeight="1">
      <c r="A46" s="17" t="s">
        <v>89</v>
      </c>
      <c r="B46" s="17"/>
      <c r="C46" s="13">
        <v>3317</v>
      </c>
      <c r="D46" s="19">
        <v>1632</v>
      </c>
      <c r="E46" s="19">
        <v>1685</v>
      </c>
      <c r="F46" s="19"/>
      <c r="G46" s="18" t="s">
        <v>90</v>
      </c>
      <c r="H46" s="17"/>
      <c r="I46" s="13">
        <v>1559</v>
      </c>
      <c r="J46" s="19">
        <v>653</v>
      </c>
      <c r="K46" s="19">
        <v>906</v>
      </c>
    </row>
    <row r="47" spans="1:11" ht="20.100000000000001" customHeight="1">
      <c r="A47" s="17" t="s">
        <v>91</v>
      </c>
      <c r="B47" s="17"/>
      <c r="C47" s="13">
        <v>18266</v>
      </c>
      <c r="D47" s="14">
        <v>8860</v>
      </c>
      <c r="E47" s="14">
        <v>9406</v>
      </c>
      <c r="F47" s="14"/>
      <c r="G47" s="18" t="s">
        <v>92</v>
      </c>
      <c r="H47" s="17"/>
      <c r="I47" s="13">
        <v>6021</v>
      </c>
      <c r="J47" s="14">
        <v>2282</v>
      </c>
      <c r="K47" s="14">
        <v>3739</v>
      </c>
    </row>
    <row r="48" spans="1:11" ht="15" customHeight="1">
      <c r="A48" s="17" t="s">
        <v>93</v>
      </c>
      <c r="B48" s="17"/>
      <c r="C48" s="13">
        <v>3446</v>
      </c>
      <c r="D48" s="19">
        <v>1735</v>
      </c>
      <c r="E48" s="19">
        <v>1711</v>
      </c>
      <c r="F48" s="19"/>
      <c r="G48" s="18" t="s">
        <v>94</v>
      </c>
      <c r="H48" s="17"/>
      <c r="I48" s="13">
        <v>1475</v>
      </c>
      <c r="J48" s="19">
        <v>595</v>
      </c>
      <c r="K48" s="19">
        <v>880</v>
      </c>
    </row>
    <row r="49" spans="1:11" ht="15" customHeight="1">
      <c r="A49" s="17" t="s">
        <v>95</v>
      </c>
      <c r="B49" s="17"/>
      <c r="C49" s="13">
        <v>3522</v>
      </c>
      <c r="D49" s="19">
        <v>1701</v>
      </c>
      <c r="E49" s="19">
        <v>1821</v>
      </c>
      <c r="F49" s="19"/>
      <c r="G49" s="18" t="s">
        <v>96</v>
      </c>
      <c r="H49" s="17"/>
      <c r="I49" s="13">
        <v>1417</v>
      </c>
      <c r="J49" s="19">
        <v>556</v>
      </c>
      <c r="K49" s="19">
        <v>861</v>
      </c>
    </row>
    <row r="50" spans="1:11" ht="15" customHeight="1">
      <c r="A50" s="17" t="s">
        <v>97</v>
      </c>
      <c r="B50" s="17"/>
      <c r="C50" s="13">
        <v>3569</v>
      </c>
      <c r="D50" s="19">
        <v>1740</v>
      </c>
      <c r="E50" s="19">
        <v>1829</v>
      </c>
      <c r="F50" s="19"/>
      <c r="G50" s="18" t="s">
        <v>98</v>
      </c>
      <c r="H50" s="17"/>
      <c r="I50" s="13">
        <v>1219</v>
      </c>
      <c r="J50" s="19">
        <v>452</v>
      </c>
      <c r="K50" s="19">
        <v>767</v>
      </c>
    </row>
    <row r="51" spans="1:11" ht="15" customHeight="1">
      <c r="A51" s="17" t="s">
        <v>99</v>
      </c>
      <c r="B51" s="17"/>
      <c r="C51" s="13">
        <v>3714</v>
      </c>
      <c r="D51" s="19">
        <v>1806</v>
      </c>
      <c r="E51" s="19">
        <v>1908</v>
      </c>
      <c r="F51" s="19"/>
      <c r="G51" s="18" t="s">
        <v>100</v>
      </c>
      <c r="H51" s="17"/>
      <c r="I51" s="13">
        <v>1049</v>
      </c>
      <c r="J51" s="19">
        <v>383</v>
      </c>
      <c r="K51" s="19">
        <v>666</v>
      </c>
    </row>
    <row r="52" spans="1:11" ht="15" customHeight="1">
      <c r="A52" s="17" t="s">
        <v>101</v>
      </c>
      <c r="B52" s="17"/>
      <c r="C52" s="13">
        <v>4015</v>
      </c>
      <c r="D52" s="19">
        <v>1878</v>
      </c>
      <c r="E52" s="19">
        <v>2137</v>
      </c>
      <c r="F52" s="19"/>
      <c r="G52" s="18" t="s">
        <v>102</v>
      </c>
      <c r="H52" s="17"/>
      <c r="I52" s="13">
        <v>861</v>
      </c>
      <c r="J52" s="19">
        <v>296</v>
      </c>
      <c r="K52" s="19">
        <v>565</v>
      </c>
    </row>
    <row r="53" spans="1:11" ht="20.100000000000001" customHeight="1">
      <c r="A53" s="17" t="s">
        <v>103</v>
      </c>
      <c r="B53" s="17"/>
      <c r="C53" s="13">
        <v>22409</v>
      </c>
      <c r="D53" s="14">
        <v>10837</v>
      </c>
      <c r="E53" s="14">
        <v>11572</v>
      </c>
      <c r="F53" s="14"/>
      <c r="G53" s="18" t="s">
        <v>104</v>
      </c>
      <c r="H53" s="17"/>
      <c r="I53" s="13">
        <v>3117</v>
      </c>
      <c r="J53" s="14">
        <v>843</v>
      </c>
      <c r="K53" s="14">
        <v>2274</v>
      </c>
    </row>
    <row r="54" spans="1:11" ht="15" customHeight="1">
      <c r="A54" s="17" t="s">
        <v>105</v>
      </c>
      <c r="B54" s="17"/>
      <c r="C54" s="13">
        <v>4074</v>
      </c>
      <c r="D54" s="19">
        <v>2021</v>
      </c>
      <c r="E54" s="19">
        <v>2053</v>
      </c>
      <c r="F54" s="19"/>
      <c r="G54" s="18" t="s">
        <v>106</v>
      </c>
      <c r="H54" s="17"/>
      <c r="I54" s="13">
        <v>887</v>
      </c>
      <c r="J54" s="19">
        <v>271</v>
      </c>
      <c r="K54" s="19">
        <v>616</v>
      </c>
    </row>
    <row r="55" spans="1:11" ht="15" customHeight="1">
      <c r="A55" s="17" t="s">
        <v>107</v>
      </c>
      <c r="B55" s="17"/>
      <c r="C55" s="13">
        <v>4246</v>
      </c>
      <c r="D55" s="19">
        <v>2016</v>
      </c>
      <c r="E55" s="19">
        <v>2230</v>
      </c>
      <c r="F55" s="19"/>
      <c r="G55" s="18" t="s">
        <v>108</v>
      </c>
      <c r="H55" s="17"/>
      <c r="I55" s="13">
        <v>698</v>
      </c>
      <c r="J55" s="19">
        <v>193</v>
      </c>
      <c r="K55" s="19">
        <v>505</v>
      </c>
    </row>
    <row r="56" spans="1:11" ht="15" customHeight="1">
      <c r="A56" s="17" t="s">
        <v>109</v>
      </c>
      <c r="B56" s="17"/>
      <c r="C56" s="13">
        <v>4465</v>
      </c>
      <c r="D56" s="19">
        <v>2173</v>
      </c>
      <c r="E56" s="19">
        <v>2292</v>
      </c>
      <c r="F56" s="19"/>
      <c r="G56" s="18" t="s">
        <v>110</v>
      </c>
      <c r="H56" s="17"/>
      <c r="I56" s="13">
        <v>622</v>
      </c>
      <c r="J56" s="19">
        <v>180</v>
      </c>
      <c r="K56" s="19">
        <v>442</v>
      </c>
    </row>
    <row r="57" spans="1:11" ht="15" customHeight="1">
      <c r="A57" s="17" t="s">
        <v>111</v>
      </c>
      <c r="B57" s="17"/>
      <c r="C57" s="13">
        <v>4648</v>
      </c>
      <c r="D57" s="19">
        <v>2278</v>
      </c>
      <c r="E57" s="19">
        <v>2370</v>
      </c>
      <c r="F57" s="19"/>
      <c r="G57" s="18" t="s">
        <v>112</v>
      </c>
      <c r="H57" s="17"/>
      <c r="I57" s="13">
        <v>511</v>
      </c>
      <c r="J57" s="19">
        <v>110</v>
      </c>
      <c r="K57" s="19">
        <v>401</v>
      </c>
    </row>
    <row r="58" spans="1:11" ht="15" customHeight="1">
      <c r="A58" s="17" t="s">
        <v>113</v>
      </c>
      <c r="B58" s="17"/>
      <c r="C58" s="13">
        <v>4976</v>
      </c>
      <c r="D58" s="19">
        <v>2349</v>
      </c>
      <c r="E58" s="19">
        <v>2627</v>
      </c>
      <c r="F58" s="19"/>
      <c r="G58" s="18" t="s">
        <v>114</v>
      </c>
      <c r="H58" s="17"/>
      <c r="I58" s="13">
        <v>399</v>
      </c>
      <c r="J58" s="19">
        <v>89</v>
      </c>
      <c r="K58" s="19">
        <v>310</v>
      </c>
    </row>
    <row r="59" spans="1:11" ht="20.100000000000001" customHeight="1">
      <c r="A59" s="17" t="s">
        <v>115</v>
      </c>
      <c r="B59" s="17"/>
      <c r="C59" s="13">
        <v>27559</v>
      </c>
      <c r="D59" s="14">
        <v>12963</v>
      </c>
      <c r="E59" s="14">
        <v>14596</v>
      </c>
      <c r="F59" s="14"/>
      <c r="G59" s="18" t="s">
        <v>116</v>
      </c>
      <c r="H59" s="17"/>
      <c r="I59" s="13">
        <v>890</v>
      </c>
      <c r="J59" s="14">
        <v>178</v>
      </c>
      <c r="K59" s="14">
        <v>712</v>
      </c>
    </row>
    <row r="60" spans="1:11" ht="15" customHeight="1">
      <c r="A60" s="17" t="s">
        <v>117</v>
      </c>
      <c r="B60" s="17"/>
      <c r="C60" s="13">
        <v>5463</v>
      </c>
      <c r="D60" s="19">
        <v>2606</v>
      </c>
      <c r="E60" s="19">
        <v>2857</v>
      </c>
      <c r="F60" s="19"/>
      <c r="G60" s="18" t="s">
        <v>118</v>
      </c>
      <c r="H60" s="17"/>
      <c r="I60" s="13">
        <v>268</v>
      </c>
      <c r="J60" s="19">
        <v>67</v>
      </c>
      <c r="K60" s="19">
        <v>201</v>
      </c>
    </row>
    <row r="61" spans="1:11" ht="15" customHeight="1">
      <c r="A61" s="17" t="s">
        <v>119</v>
      </c>
      <c r="B61" s="17"/>
      <c r="C61" s="13">
        <v>5326</v>
      </c>
      <c r="D61" s="19">
        <v>2508</v>
      </c>
      <c r="E61" s="19">
        <v>2818</v>
      </c>
      <c r="F61" s="19"/>
      <c r="G61" s="18" t="s">
        <v>120</v>
      </c>
      <c r="H61" s="17"/>
      <c r="I61" s="13">
        <v>190</v>
      </c>
      <c r="J61" s="19">
        <v>38</v>
      </c>
      <c r="K61" s="19">
        <v>152</v>
      </c>
    </row>
    <row r="62" spans="1:11" ht="15" customHeight="1">
      <c r="A62" s="17" t="s">
        <v>121</v>
      </c>
      <c r="B62" s="17"/>
      <c r="C62" s="13">
        <v>5364</v>
      </c>
      <c r="D62" s="19">
        <v>2509</v>
      </c>
      <c r="E62" s="19">
        <v>2855</v>
      </c>
      <c r="F62" s="19"/>
      <c r="G62" s="18" t="s">
        <v>122</v>
      </c>
      <c r="H62" s="17"/>
      <c r="I62" s="13">
        <v>189</v>
      </c>
      <c r="J62" s="19">
        <v>40</v>
      </c>
      <c r="K62" s="19">
        <v>149</v>
      </c>
    </row>
    <row r="63" spans="1:11" ht="15" customHeight="1">
      <c r="A63" s="17" t="s">
        <v>123</v>
      </c>
      <c r="B63" s="17"/>
      <c r="C63" s="13">
        <v>5694</v>
      </c>
      <c r="D63" s="19">
        <v>2637</v>
      </c>
      <c r="E63" s="19">
        <v>3057</v>
      </c>
      <c r="F63" s="19"/>
      <c r="G63" s="18" t="s">
        <v>124</v>
      </c>
      <c r="H63" s="17"/>
      <c r="I63" s="13">
        <v>148</v>
      </c>
      <c r="J63" s="19">
        <v>24</v>
      </c>
      <c r="K63" s="19">
        <v>124</v>
      </c>
    </row>
    <row r="64" spans="1:11" ht="15" customHeight="1">
      <c r="A64" s="17" t="s">
        <v>125</v>
      </c>
      <c r="B64" s="17"/>
      <c r="C64" s="13">
        <v>5712</v>
      </c>
      <c r="D64" s="19">
        <v>2703</v>
      </c>
      <c r="E64" s="19">
        <v>3009</v>
      </c>
      <c r="F64" s="19"/>
      <c r="G64" s="18" t="s">
        <v>126</v>
      </c>
      <c r="H64" s="17"/>
      <c r="I64" s="13">
        <v>95</v>
      </c>
      <c r="J64" s="19">
        <v>9</v>
      </c>
      <c r="K64" s="19">
        <v>8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89</v>
      </c>
      <c r="J65" s="19">
        <v>41</v>
      </c>
      <c r="K65" s="19">
        <v>14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05</v>
      </c>
      <c r="J66" s="29">
        <v>911</v>
      </c>
      <c r="K66" s="29">
        <v>49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79" pageOrder="overThenDown" orientation="portrait" blackAndWhite="1" useFirstPageNumber="1" horizontalDpi="300" verticalDpi="300"/>
  <headerFooter scaleWithDoc="0"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3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740944</v>
      </c>
      <c r="D4" s="14">
        <v>1858705</v>
      </c>
      <c r="E4" s="14">
        <v>188223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44050</v>
      </c>
      <c r="D5" s="14">
        <v>73717</v>
      </c>
      <c r="E5" s="14">
        <v>70333</v>
      </c>
      <c r="F5" s="14"/>
      <c r="G5" s="18" t="s">
        <v>8</v>
      </c>
      <c r="H5" s="17"/>
      <c r="I5" s="13">
        <v>287709</v>
      </c>
      <c r="J5" s="14">
        <v>149125</v>
      </c>
      <c r="K5" s="14">
        <v>138584</v>
      </c>
    </row>
    <row r="6" spans="1:11" ht="15" customHeight="1">
      <c r="A6" s="17" t="s">
        <v>9</v>
      </c>
      <c r="B6" s="17"/>
      <c r="C6" s="13">
        <v>27996</v>
      </c>
      <c r="D6" s="19">
        <v>14392</v>
      </c>
      <c r="E6" s="19">
        <v>13604</v>
      </c>
      <c r="F6" s="19"/>
      <c r="G6" s="18" t="s">
        <v>10</v>
      </c>
      <c r="H6" s="17"/>
      <c r="I6" s="13">
        <v>63086</v>
      </c>
      <c r="J6" s="19">
        <v>32536</v>
      </c>
      <c r="K6" s="19">
        <v>30550</v>
      </c>
    </row>
    <row r="7" spans="1:11" ht="15" customHeight="1">
      <c r="A7" s="17" t="s">
        <v>11</v>
      </c>
      <c r="B7" s="17"/>
      <c r="C7" s="13">
        <v>28677</v>
      </c>
      <c r="D7" s="19">
        <v>14628</v>
      </c>
      <c r="E7" s="19">
        <v>14049</v>
      </c>
      <c r="F7" s="19"/>
      <c r="G7" s="18" t="s">
        <v>12</v>
      </c>
      <c r="H7" s="17"/>
      <c r="I7" s="13">
        <v>64807</v>
      </c>
      <c r="J7" s="19">
        <v>33480</v>
      </c>
      <c r="K7" s="19">
        <v>31327</v>
      </c>
    </row>
    <row r="8" spans="1:11" ht="15" customHeight="1">
      <c r="A8" s="17" t="s">
        <v>13</v>
      </c>
      <c r="B8" s="17"/>
      <c r="C8" s="13">
        <v>29559</v>
      </c>
      <c r="D8" s="19">
        <v>15096</v>
      </c>
      <c r="E8" s="19">
        <v>14463</v>
      </c>
      <c r="F8" s="19"/>
      <c r="G8" s="18" t="s">
        <v>14</v>
      </c>
      <c r="H8" s="17"/>
      <c r="I8" s="13">
        <v>46248</v>
      </c>
      <c r="J8" s="19">
        <v>23912</v>
      </c>
      <c r="K8" s="19">
        <v>22336</v>
      </c>
    </row>
    <row r="9" spans="1:11" ht="15" customHeight="1">
      <c r="A9" s="17" t="s">
        <v>15</v>
      </c>
      <c r="B9" s="17"/>
      <c r="C9" s="13">
        <v>28669</v>
      </c>
      <c r="D9" s="19">
        <v>14642</v>
      </c>
      <c r="E9" s="19">
        <v>14027</v>
      </c>
      <c r="F9" s="19"/>
      <c r="G9" s="18" t="s">
        <v>16</v>
      </c>
      <c r="H9" s="17"/>
      <c r="I9" s="13">
        <v>59264</v>
      </c>
      <c r="J9" s="19">
        <v>30924</v>
      </c>
      <c r="K9" s="19">
        <v>28340</v>
      </c>
    </row>
    <row r="10" spans="1:11" ht="15" customHeight="1">
      <c r="A10" s="17" t="s">
        <v>17</v>
      </c>
      <c r="B10" s="17"/>
      <c r="C10" s="13">
        <v>29149</v>
      </c>
      <c r="D10" s="19">
        <v>14959</v>
      </c>
      <c r="E10" s="19">
        <v>14190</v>
      </c>
      <c r="F10" s="19"/>
      <c r="G10" s="18" t="s">
        <v>18</v>
      </c>
      <c r="H10" s="17"/>
      <c r="I10" s="13">
        <v>54304</v>
      </c>
      <c r="J10" s="19">
        <v>28273</v>
      </c>
      <c r="K10" s="19">
        <v>26031</v>
      </c>
    </row>
    <row r="11" spans="1:11" ht="20.100000000000001" customHeight="1">
      <c r="A11" s="17" t="s">
        <v>19</v>
      </c>
      <c r="B11" s="17"/>
      <c r="C11" s="13">
        <v>151712</v>
      </c>
      <c r="D11" s="14">
        <v>77517</v>
      </c>
      <c r="E11" s="14">
        <v>74195</v>
      </c>
      <c r="F11" s="14"/>
      <c r="G11" s="18" t="s">
        <v>20</v>
      </c>
      <c r="H11" s="17"/>
      <c r="I11" s="13">
        <v>231334</v>
      </c>
      <c r="J11" s="14">
        <v>119582</v>
      </c>
      <c r="K11" s="14">
        <v>111752</v>
      </c>
    </row>
    <row r="12" spans="1:11" ht="15" customHeight="1">
      <c r="A12" s="17" t="s">
        <v>21</v>
      </c>
      <c r="B12" s="17"/>
      <c r="C12" s="13">
        <v>29702</v>
      </c>
      <c r="D12" s="19">
        <v>15268</v>
      </c>
      <c r="E12" s="19">
        <v>14434</v>
      </c>
      <c r="F12" s="19"/>
      <c r="G12" s="18" t="s">
        <v>22</v>
      </c>
      <c r="H12" s="17"/>
      <c r="I12" s="13">
        <v>51007</v>
      </c>
      <c r="J12" s="19">
        <v>26594</v>
      </c>
      <c r="K12" s="19">
        <v>24413</v>
      </c>
    </row>
    <row r="13" spans="1:11" ht="15" customHeight="1">
      <c r="A13" s="17" t="s">
        <v>23</v>
      </c>
      <c r="B13" s="17"/>
      <c r="C13" s="13">
        <v>30240</v>
      </c>
      <c r="D13" s="19">
        <v>15441</v>
      </c>
      <c r="E13" s="19">
        <v>14799</v>
      </c>
      <c r="F13" s="19"/>
      <c r="G13" s="18" t="s">
        <v>24</v>
      </c>
      <c r="H13" s="17"/>
      <c r="I13" s="13">
        <v>48191</v>
      </c>
      <c r="J13" s="19">
        <v>24802</v>
      </c>
      <c r="K13" s="19">
        <v>23389</v>
      </c>
    </row>
    <row r="14" spans="1:11" ht="15" customHeight="1">
      <c r="A14" s="17" t="s">
        <v>25</v>
      </c>
      <c r="B14" s="17"/>
      <c r="C14" s="13">
        <v>30006</v>
      </c>
      <c r="D14" s="19">
        <v>15372</v>
      </c>
      <c r="E14" s="19">
        <v>14634</v>
      </c>
      <c r="F14" s="19"/>
      <c r="G14" s="18" t="s">
        <v>26</v>
      </c>
      <c r="H14" s="17"/>
      <c r="I14" s="13">
        <v>45538</v>
      </c>
      <c r="J14" s="19">
        <v>23643</v>
      </c>
      <c r="K14" s="19">
        <v>21895</v>
      </c>
    </row>
    <row r="15" spans="1:11" ht="15" customHeight="1">
      <c r="A15" s="17" t="s">
        <v>27</v>
      </c>
      <c r="B15" s="17"/>
      <c r="C15" s="13">
        <v>30792</v>
      </c>
      <c r="D15" s="19">
        <v>15652</v>
      </c>
      <c r="E15" s="19">
        <v>15140</v>
      </c>
      <c r="F15" s="19"/>
      <c r="G15" s="18" t="s">
        <v>28</v>
      </c>
      <c r="H15" s="17"/>
      <c r="I15" s="13">
        <v>44283</v>
      </c>
      <c r="J15" s="19">
        <v>22624</v>
      </c>
      <c r="K15" s="19">
        <v>21659</v>
      </c>
    </row>
    <row r="16" spans="1:11" ht="15" customHeight="1">
      <c r="A16" s="17" t="s">
        <v>29</v>
      </c>
      <c r="B16" s="17"/>
      <c r="C16" s="13">
        <v>30972</v>
      </c>
      <c r="D16" s="19">
        <v>15784</v>
      </c>
      <c r="E16" s="19">
        <v>15188</v>
      </c>
      <c r="F16" s="19"/>
      <c r="G16" s="18" t="s">
        <v>30</v>
      </c>
      <c r="H16" s="17"/>
      <c r="I16" s="13">
        <v>42315</v>
      </c>
      <c r="J16" s="19">
        <v>21919</v>
      </c>
      <c r="K16" s="19">
        <v>20396</v>
      </c>
    </row>
    <row r="17" spans="1:11" ht="20.100000000000001" customHeight="1">
      <c r="A17" s="20" t="s">
        <v>31</v>
      </c>
      <c r="B17" s="20"/>
      <c r="C17" s="13">
        <v>156471</v>
      </c>
      <c r="D17" s="14">
        <v>80496</v>
      </c>
      <c r="E17" s="14">
        <v>75975</v>
      </c>
      <c r="F17" s="14"/>
      <c r="G17" s="18" t="s">
        <v>32</v>
      </c>
      <c r="H17" s="17"/>
      <c r="I17" s="13">
        <v>197521</v>
      </c>
      <c r="J17" s="14">
        <v>99745</v>
      </c>
      <c r="K17" s="14">
        <v>97776</v>
      </c>
    </row>
    <row r="18" spans="1:11" ht="15" customHeight="1">
      <c r="A18" s="17" t="s">
        <v>33</v>
      </c>
      <c r="B18" s="17"/>
      <c r="C18" s="13">
        <v>31262</v>
      </c>
      <c r="D18" s="19">
        <v>16090</v>
      </c>
      <c r="E18" s="19">
        <v>15172</v>
      </c>
      <c r="F18" s="19"/>
      <c r="G18" s="18" t="s">
        <v>34</v>
      </c>
      <c r="H18" s="17"/>
      <c r="I18" s="13">
        <v>41799</v>
      </c>
      <c r="J18" s="19">
        <v>21395</v>
      </c>
      <c r="K18" s="19">
        <v>20404</v>
      </c>
    </row>
    <row r="19" spans="1:11" ht="15" customHeight="1">
      <c r="A19" s="17" t="s">
        <v>35</v>
      </c>
      <c r="B19" s="17"/>
      <c r="C19" s="13">
        <v>31328</v>
      </c>
      <c r="D19" s="19">
        <v>16117</v>
      </c>
      <c r="E19" s="19">
        <v>15211</v>
      </c>
      <c r="F19" s="19"/>
      <c r="G19" s="18" t="s">
        <v>36</v>
      </c>
      <c r="H19" s="17"/>
      <c r="I19" s="13">
        <v>38339</v>
      </c>
      <c r="J19" s="19">
        <v>19245</v>
      </c>
      <c r="K19" s="19">
        <v>19094</v>
      </c>
    </row>
    <row r="20" spans="1:11" ht="15" customHeight="1">
      <c r="A20" s="17" t="s">
        <v>37</v>
      </c>
      <c r="B20" s="17"/>
      <c r="C20" s="13">
        <v>31572</v>
      </c>
      <c r="D20" s="19">
        <v>16301</v>
      </c>
      <c r="E20" s="19">
        <v>15271</v>
      </c>
      <c r="F20" s="19"/>
      <c r="G20" s="18" t="s">
        <v>38</v>
      </c>
      <c r="H20" s="17"/>
      <c r="I20" s="13">
        <v>38753</v>
      </c>
      <c r="J20" s="19">
        <v>19639</v>
      </c>
      <c r="K20" s="19">
        <v>19114</v>
      </c>
    </row>
    <row r="21" spans="1:11" ht="15" customHeight="1">
      <c r="A21" s="17" t="s">
        <v>39</v>
      </c>
      <c r="B21" s="17"/>
      <c r="C21" s="13">
        <v>30310</v>
      </c>
      <c r="D21" s="19">
        <v>15540</v>
      </c>
      <c r="E21" s="19">
        <v>14770</v>
      </c>
      <c r="F21" s="19"/>
      <c r="G21" s="18" t="s">
        <v>40</v>
      </c>
      <c r="H21" s="17"/>
      <c r="I21" s="13">
        <v>39668</v>
      </c>
      <c r="J21" s="19">
        <v>19971</v>
      </c>
      <c r="K21" s="19">
        <v>19697</v>
      </c>
    </row>
    <row r="22" spans="1:11" ht="15" customHeight="1">
      <c r="A22" s="17" t="s">
        <v>41</v>
      </c>
      <c r="B22" s="17"/>
      <c r="C22" s="13">
        <v>31999</v>
      </c>
      <c r="D22" s="19">
        <v>16448</v>
      </c>
      <c r="E22" s="19">
        <v>15551</v>
      </c>
      <c r="F22" s="19"/>
      <c r="G22" s="18" t="s">
        <v>42</v>
      </c>
      <c r="H22" s="17"/>
      <c r="I22" s="13">
        <v>38962</v>
      </c>
      <c r="J22" s="19">
        <v>19495</v>
      </c>
      <c r="K22" s="19">
        <v>19467</v>
      </c>
    </row>
    <row r="23" spans="1:11" ht="20.100000000000001" customHeight="1">
      <c r="A23" s="17" t="s">
        <v>43</v>
      </c>
      <c r="B23" s="17"/>
      <c r="C23" s="13">
        <v>171804</v>
      </c>
      <c r="D23" s="14">
        <v>87577</v>
      </c>
      <c r="E23" s="14">
        <v>84227</v>
      </c>
      <c r="F23" s="14"/>
      <c r="G23" s="18" t="s">
        <v>44</v>
      </c>
      <c r="H23" s="17"/>
      <c r="I23" s="13">
        <v>231357</v>
      </c>
      <c r="J23" s="14">
        <v>113917</v>
      </c>
      <c r="K23" s="14">
        <v>117440</v>
      </c>
    </row>
    <row r="24" spans="1:11" ht="15" customHeight="1">
      <c r="A24" s="17" t="s">
        <v>45</v>
      </c>
      <c r="B24" s="17"/>
      <c r="C24" s="13">
        <v>32808</v>
      </c>
      <c r="D24" s="19">
        <v>16813</v>
      </c>
      <c r="E24" s="19">
        <v>15995</v>
      </c>
      <c r="F24" s="19"/>
      <c r="G24" s="18" t="s">
        <v>46</v>
      </c>
      <c r="H24" s="17"/>
      <c r="I24" s="13">
        <v>40298</v>
      </c>
      <c r="J24" s="19">
        <v>20018</v>
      </c>
      <c r="K24" s="19">
        <v>20280</v>
      </c>
    </row>
    <row r="25" spans="1:11" ht="15" customHeight="1">
      <c r="A25" s="17" t="s">
        <v>47</v>
      </c>
      <c r="B25" s="17"/>
      <c r="C25" s="13">
        <v>33281</v>
      </c>
      <c r="D25" s="19">
        <v>16740</v>
      </c>
      <c r="E25" s="19">
        <v>16541</v>
      </c>
      <c r="F25" s="19"/>
      <c r="G25" s="18" t="s">
        <v>48</v>
      </c>
      <c r="H25" s="17"/>
      <c r="I25" s="13">
        <v>42978</v>
      </c>
      <c r="J25" s="19">
        <v>21147</v>
      </c>
      <c r="K25" s="19">
        <v>21831</v>
      </c>
    </row>
    <row r="26" spans="1:11" ht="15" customHeight="1">
      <c r="A26" s="17" t="s">
        <v>49</v>
      </c>
      <c r="B26" s="17"/>
      <c r="C26" s="13">
        <v>33646</v>
      </c>
      <c r="D26" s="19">
        <v>17284</v>
      </c>
      <c r="E26" s="19">
        <v>16362</v>
      </c>
      <c r="F26" s="19"/>
      <c r="G26" s="18" t="s">
        <v>50</v>
      </c>
      <c r="H26" s="17"/>
      <c r="I26" s="13">
        <v>44703</v>
      </c>
      <c r="J26" s="19">
        <v>22239</v>
      </c>
      <c r="K26" s="19">
        <v>22464</v>
      </c>
    </row>
    <row r="27" spans="1:11" ht="15" customHeight="1">
      <c r="A27" s="17" t="s">
        <v>51</v>
      </c>
      <c r="B27" s="17"/>
      <c r="C27" s="13">
        <v>35378</v>
      </c>
      <c r="D27" s="19">
        <v>17963</v>
      </c>
      <c r="E27" s="19">
        <v>17415</v>
      </c>
      <c r="F27" s="19"/>
      <c r="G27" s="18" t="s">
        <v>52</v>
      </c>
      <c r="H27" s="17"/>
      <c r="I27" s="13">
        <v>48247</v>
      </c>
      <c r="J27" s="19">
        <v>23720</v>
      </c>
      <c r="K27" s="19">
        <v>24527</v>
      </c>
    </row>
    <row r="28" spans="1:11" ht="15" customHeight="1">
      <c r="A28" s="17" t="s">
        <v>53</v>
      </c>
      <c r="B28" s="17"/>
      <c r="C28" s="13">
        <v>36691</v>
      </c>
      <c r="D28" s="19">
        <v>18777</v>
      </c>
      <c r="E28" s="19">
        <v>17914</v>
      </c>
      <c r="F28" s="19"/>
      <c r="G28" s="18" t="s">
        <v>54</v>
      </c>
      <c r="H28" s="17"/>
      <c r="I28" s="13">
        <v>55131</v>
      </c>
      <c r="J28" s="19">
        <v>26793</v>
      </c>
      <c r="K28" s="19">
        <v>28338</v>
      </c>
    </row>
    <row r="29" spans="1:11" ht="20.100000000000001" customHeight="1">
      <c r="A29" s="17" t="s">
        <v>55</v>
      </c>
      <c r="B29" s="17"/>
      <c r="C29" s="13">
        <v>207809</v>
      </c>
      <c r="D29" s="14">
        <v>107187</v>
      </c>
      <c r="E29" s="14">
        <v>100622</v>
      </c>
      <c r="F29" s="14"/>
      <c r="G29" s="18" t="s">
        <v>56</v>
      </c>
      <c r="H29" s="17"/>
      <c r="I29" s="13">
        <v>218628</v>
      </c>
      <c r="J29" s="14">
        <v>103542</v>
      </c>
      <c r="K29" s="14">
        <v>115086</v>
      </c>
    </row>
    <row r="30" spans="1:11" ht="15" customHeight="1">
      <c r="A30" s="17" t="s">
        <v>57</v>
      </c>
      <c r="B30" s="17"/>
      <c r="C30" s="13">
        <v>38036</v>
      </c>
      <c r="D30" s="19">
        <v>19601</v>
      </c>
      <c r="E30" s="19">
        <v>18435</v>
      </c>
      <c r="F30" s="19"/>
      <c r="G30" s="18" t="s">
        <v>58</v>
      </c>
      <c r="H30" s="17"/>
      <c r="I30" s="13">
        <v>54014</v>
      </c>
      <c r="J30" s="19">
        <v>25882</v>
      </c>
      <c r="K30" s="19">
        <v>28132</v>
      </c>
    </row>
    <row r="31" spans="1:11" ht="15" customHeight="1">
      <c r="A31" s="17" t="s">
        <v>59</v>
      </c>
      <c r="B31" s="17"/>
      <c r="C31" s="13">
        <v>39780</v>
      </c>
      <c r="D31" s="19">
        <v>20459</v>
      </c>
      <c r="E31" s="19">
        <v>19321</v>
      </c>
      <c r="F31" s="19"/>
      <c r="G31" s="18" t="s">
        <v>60</v>
      </c>
      <c r="H31" s="17"/>
      <c r="I31" s="13">
        <v>53958</v>
      </c>
      <c r="J31" s="19">
        <v>25841</v>
      </c>
      <c r="K31" s="19">
        <v>28117</v>
      </c>
    </row>
    <row r="32" spans="1:11" ht="15" customHeight="1">
      <c r="A32" s="17" t="s">
        <v>61</v>
      </c>
      <c r="B32" s="17"/>
      <c r="C32" s="13">
        <v>42844</v>
      </c>
      <c r="D32" s="19">
        <v>22267</v>
      </c>
      <c r="E32" s="19">
        <v>20577</v>
      </c>
      <c r="F32" s="19"/>
      <c r="G32" s="18" t="s">
        <v>62</v>
      </c>
      <c r="H32" s="17"/>
      <c r="I32" s="13">
        <v>36555</v>
      </c>
      <c r="J32" s="19">
        <v>17300</v>
      </c>
      <c r="K32" s="19">
        <v>19255</v>
      </c>
    </row>
    <row r="33" spans="1:11" ht="15" customHeight="1">
      <c r="A33" s="17" t="s">
        <v>63</v>
      </c>
      <c r="B33" s="17"/>
      <c r="C33" s="13">
        <v>43559</v>
      </c>
      <c r="D33" s="19">
        <v>22329</v>
      </c>
      <c r="E33" s="19">
        <v>21230</v>
      </c>
      <c r="F33" s="19"/>
      <c r="G33" s="18" t="s">
        <v>64</v>
      </c>
      <c r="H33" s="17"/>
      <c r="I33" s="13">
        <v>33544</v>
      </c>
      <c r="J33" s="19">
        <v>15683</v>
      </c>
      <c r="K33" s="19">
        <v>17861</v>
      </c>
    </row>
    <row r="34" spans="1:11" ht="15" customHeight="1">
      <c r="A34" s="17" t="s">
        <v>65</v>
      </c>
      <c r="B34" s="17"/>
      <c r="C34" s="13">
        <v>43590</v>
      </c>
      <c r="D34" s="19">
        <v>22531</v>
      </c>
      <c r="E34" s="19">
        <v>21059</v>
      </c>
      <c r="F34" s="19"/>
      <c r="G34" s="18" t="s">
        <v>66</v>
      </c>
      <c r="H34" s="17"/>
      <c r="I34" s="13">
        <v>40557</v>
      </c>
      <c r="J34" s="19">
        <v>18836</v>
      </c>
      <c r="K34" s="19">
        <v>21721</v>
      </c>
    </row>
    <row r="35" spans="1:11" ht="20.100000000000001" customHeight="1">
      <c r="A35" s="17" t="s">
        <v>67</v>
      </c>
      <c r="B35" s="17"/>
      <c r="C35" s="13">
        <v>197259</v>
      </c>
      <c r="D35" s="14">
        <v>102109</v>
      </c>
      <c r="E35" s="14">
        <v>95150</v>
      </c>
      <c r="F35" s="14"/>
      <c r="G35" s="18" t="s">
        <v>68</v>
      </c>
      <c r="H35" s="17"/>
      <c r="I35" s="13">
        <v>190589</v>
      </c>
      <c r="J35" s="14">
        <v>85746</v>
      </c>
      <c r="K35" s="14">
        <v>104843</v>
      </c>
    </row>
    <row r="36" spans="1:11" ht="15" customHeight="1">
      <c r="A36" s="17" t="s">
        <v>69</v>
      </c>
      <c r="B36" s="17"/>
      <c r="C36" s="13">
        <v>40996</v>
      </c>
      <c r="D36" s="19">
        <v>21342</v>
      </c>
      <c r="E36" s="19">
        <v>19654</v>
      </c>
      <c r="F36" s="19"/>
      <c r="G36" s="18" t="s">
        <v>70</v>
      </c>
      <c r="H36" s="17"/>
      <c r="I36" s="13">
        <v>42709</v>
      </c>
      <c r="J36" s="19">
        <v>19534</v>
      </c>
      <c r="K36" s="19">
        <v>23175</v>
      </c>
    </row>
    <row r="37" spans="1:11" ht="15" customHeight="1">
      <c r="A37" s="17" t="s">
        <v>71</v>
      </c>
      <c r="B37" s="17"/>
      <c r="C37" s="13">
        <v>39573</v>
      </c>
      <c r="D37" s="19">
        <v>20628</v>
      </c>
      <c r="E37" s="19">
        <v>18945</v>
      </c>
      <c r="F37" s="19"/>
      <c r="G37" s="18" t="s">
        <v>72</v>
      </c>
      <c r="H37" s="17"/>
      <c r="I37" s="13">
        <v>40504</v>
      </c>
      <c r="J37" s="19">
        <v>18343</v>
      </c>
      <c r="K37" s="19">
        <v>22161</v>
      </c>
    </row>
    <row r="38" spans="1:11" ht="15" customHeight="1">
      <c r="A38" s="17" t="s">
        <v>73</v>
      </c>
      <c r="B38" s="17"/>
      <c r="C38" s="13">
        <v>39231</v>
      </c>
      <c r="D38" s="19">
        <v>20223</v>
      </c>
      <c r="E38" s="19">
        <v>19008</v>
      </c>
      <c r="F38" s="19"/>
      <c r="G38" s="18" t="s">
        <v>74</v>
      </c>
      <c r="H38" s="17"/>
      <c r="I38" s="13">
        <v>39988</v>
      </c>
      <c r="J38" s="19">
        <v>17920</v>
      </c>
      <c r="K38" s="19">
        <v>22068</v>
      </c>
    </row>
    <row r="39" spans="1:11" ht="15" customHeight="1">
      <c r="A39" s="17" t="s">
        <v>75</v>
      </c>
      <c r="B39" s="17"/>
      <c r="C39" s="13">
        <v>38769</v>
      </c>
      <c r="D39" s="19">
        <v>20028</v>
      </c>
      <c r="E39" s="19">
        <v>18741</v>
      </c>
      <c r="F39" s="19"/>
      <c r="G39" s="18" t="s">
        <v>76</v>
      </c>
      <c r="H39" s="17"/>
      <c r="I39" s="13">
        <v>36036</v>
      </c>
      <c r="J39" s="19">
        <v>15937</v>
      </c>
      <c r="K39" s="19">
        <v>20099</v>
      </c>
    </row>
    <row r="40" spans="1:11" ht="15" customHeight="1">
      <c r="A40" s="17" t="s">
        <v>77</v>
      </c>
      <c r="B40" s="17"/>
      <c r="C40" s="13">
        <v>38690</v>
      </c>
      <c r="D40" s="19">
        <v>19888</v>
      </c>
      <c r="E40" s="19">
        <v>18802</v>
      </c>
      <c r="F40" s="19"/>
      <c r="G40" s="18" t="s">
        <v>78</v>
      </c>
      <c r="H40" s="17"/>
      <c r="I40" s="13">
        <v>31352</v>
      </c>
      <c r="J40" s="19">
        <v>14012</v>
      </c>
      <c r="K40" s="19">
        <v>17340</v>
      </c>
    </row>
    <row r="41" spans="1:11" ht="20.100000000000001" customHeight="1">
      <c r="A41" s="17" t="s">
        <v>79</v>
      </c>
      <c r="B41" s="17"/>
      <c r="C41" s="13">
        <v>214076</v>
      </c>
      <c r="D41" s="14">
        <v>109972</v>
      </c>
      <c r="E41" s="14">
        <v>104104</v>
      </c>
      <c r="F41" s="14"/>
      <c r="G41" s="18" t="s">
        <v>80</v>
      </c>
      <c r="H41" s="17"/>
      <c r="I41" s="13">
        <v>138640</v>
      </c>
      <c r="J41" s="14">
        <v>59174</v>
      </c>
      <c r="K41" s="14">
        <v>79466</v>
      </c>
    </row>
    <row r="42" spans="1:11" ht="15" customHeight="1">
      <c r="A42" s="17" t="s">
        <v>81</v>
      </c>
      <c r="B42" s="17"/>
      <c r="C42" s="13">
        <v>40968</v>
      </c>
      <c r="D42" s="19">
        <v>20937</v>
      </c>
      <c r="E42" s="19">
        <v>20031</v>
      </c>
      <c r="F42" s="19"/>
      <c r="G42" s="18" t="s">
        <v>82</v>
      </c>
      <c r="H42" s="17"/>
      <c r="I42" s="13">
        <v>28907</v>
      </c>
      <c r="J42" s="19">
        <v>12958</v>
      </c>
      <c r="K42" s="19">
        <v>15949</v>
      </c>
    </row>
    <row r="43" spans="1:11" ht="15" customHeight="1">
      <c r="A43" s="17" t="s">
        <v>83</v>
      </c>
      <c r="B43" s="17"/>
      <c r="C43" s="13">
        <v>41145</v>
      </c>
      <c r="D43" s="19">
        <v>21300</v>
      </c>
      <c r="E43" s="19">
        <v>19845</v>
      </c>
      <c r="F43" s="19"/>
      <c r="G43" s="18" t="s">
        <v>84</v>
      </c>
      <c r="H43" s="17"/>
      <c r="I43" s="13">
        <v>30942</v>
      </c>
      <c r="J43" s="19">
        <v>13345</v>
      </c>
      <c r="K43" s="19">
        <v>17597</v>
      </c>
    </row>
    <row r="44" spans="1:11" ht="15" customHeight="1">
      <c r="A44" s="17" t="s">
        <v>85</v>
      </c>
      <c r="B44" s="17"/>
      <c r="C44" s="13">
        <v>42161</v>
      </c>
      <c r="D44" s="19">
        <v>21712</v>
      </c>
      <c r="E44" s="19">
        <v>20449</v>
      </c>
      <c r="F44" s="19"/>
      <c r="G44" s="18" t="s">
        <v>86</v>
      </c>
      <c r="H44" s="17"/>
      <c r="I44" s="13">
        <v>28250</v>
      </c>
      <c r="J44" s="19">
        <v>11954</v>
      </c>
      <c r="K44" s="19">
        <v>16296</v>
      </c>
    </row>
    <row r="45" spans="1:11" ht="15" customHeight="1">
      <c r="A45" s="17" t="s">
        <v>87</v>
      </c>
      <c r="B45" s="17"/>
      <c r="C45" s="13">
        <v>44034</v>
      </c>
      <c r="D45" s="19">
        <v>22436</v>
      </c>
      <c r="E45" s="19">
        <v>21598</v>
      </c>
      <c r="F45" s="19"/>
      <c r="G45" s="18" t="s">
        <v>88</v>
      </c>
      <c r="H45" s="17"/>
      <c r="I45" s="13">
        <v>27539</v>
      </c>
      <c r="J45" s="19">
        <v>11608</v>
      </c>
      <c r="K45" s="19">
        <v>15931</v>
      </c>
    </row>
    <row r="46" spans="1:11" ht="15" customHeight="1">
      <c r="A46" s="17" t="s">
        <v>89</v>
      </c>
      <c r="B46" s="17"/>
      <c r="C46" s="13">
        <v>45768</v>
      </c>
      <c r="D46" s="19">
        <v>23587</v>
      </c>
      <c r="E46" s="19">
        <v>22181</v>
      </c>
      <c r="F46" s="19"/>
      <c r="G46" s="18" t="s">
        <v>90</v>
      </c>
      <c r="H46" s="17"/>
      <c r="I46" s="13">
        <v>23002</v>
      </c>
      <c r="J46" s="19">
        <v>9309</v>
      </c>
      <c r="K46" s="19">
        <v>13693</v>
      </c>
    </row>
    <row r="47" spans="1:11" ht="20.100000000000001" customHeight="1">
      <c r="A47" s="17" t="s">
        <v>91</v>
      </c>
      <c r="B47" s="17"/>
      <c r="C47" s="13">
        <v>237414</v>
      </c>
      <c r="D47" s="14">
        <v>120978</v>
      </c>
      <c r="E47" s="14">
        <v>116436</v>
      </c>
      <c r="F47" s="14"/>
      <c r="G47" s="18" t="s">
        <v>92</v>
      </c>
      <c r="H47" s="17"/>
      <c r="I47" s="13">
        <v>85057</v>
      </c>
      <c r="J47" s="14">
        <v>31330</v>
      </c>
      <c r="K47" s="14">
        <v>53727</v>
      </c>
    </row>
    <row r="48" spans="1:11" ht="15" customHeight="1">
      <c r="A48" s="17" t="s">
        <v>93</v>
      </c>
      <c r="B48" s="17"/>
      <c r="C48" s="13">
        <v>46211</v>
      </c>
      <c r="D48" s="19">
        <v>23577</v>
      </c>
      <c r="E48" s="19">
        <v>22634</v>
      </c>
      <c r="F48" s="19"/>
      <c r="G48" s="18" t="s">
        <v>94</v>
      </c>
      <c r="H48" s="17"/>
      <c r="I48" s="13">
        <v>21487</v>
      </c>
      <c r="J48" s="19">
        <v>8373</v>
      </c>
      <c r="K48" s="19">
        <v>13114</v>
      </c>
    </row>
    <row r="49" spans="1:11" ht="15" customHeight="1">
      <c r="A49" s="17" t="s">
        <v>95</v>
      </c>
      <c r="B49" s="17"/>
      <c r="C49" s="13">
        <v>46197</v>
      </c>
      <c r="D49" s="19">
        <v>23542</v>
      </c>
      <c r="E49" s="19">
        <v>22655</v>
      </c>
      <c r="F49" s="19"/>
      <c r="G49" s="18" t="s">
        <v>96</v>
      </c>
      <c r="H49" s="17"/>
      <c r="I49" s="13">
        <v>19456</v>
      </c>
      <c r="J49" s="19">
        <v>7419</v>
      </c>
      <c r="K49" s="19">
        <v>12037</v>
      </c>
    </row>
    <row r="50" spans="1:11" ht="15" customHeight="1">
      <c r="A50" s="17" t="s">
        <v>97</v>
      </c>
      <c r="B50" s="17"/>
      <c r="C50" s="13">
        <v>46643</v>
      </c>
      <c r="D50" s="19">
        <v>23777</v>
      </c>
      <c r="E50" s="19">
        <v>22866</v>
      </c>
      <c r="F50" s="19"/>
      <c r="G50" s="18" t="s">
        <v>98</v>
      </c>
      <c r="H50" s="17"/>
      <c r="I50" s="13">
        <v>17211</v>
      </c>
      <c r="J50" s="19">
        <v>6273</v>
      </c>
      <c r="K50" s="19">
        <v>10938</v>
      </c>
    </row>
    <row r="51" spans="1:11" ht="15" customHeight="1">
      <c r="A51" s="17" t="s">
        <v>99</v>
      </c>
      <c r="B51" s="17"/>
      <c r="C51" s="13">
        <v>48262</v>
      </c>
      <c r="D51" s="19">
        <v>24500</v>
      </c>
      <c r="E51" s="19">
        <v>23762</v>
      </c>
      <c r="F51" s="19"/>
      <c r="G51" s="18" t="s">
        <v>100</v>
      </c>
      <c r="H51" s="17"/>
      <c r="I51" s="13">
        <v>14422</v>
      </c>
      <c r="J51" s="19">
        <v>5102</v>
      </c>
      <c r="K51" s="19">
        <v>9320</v>
      </c>
    </row>
    <row r="52" spans="1:11" ht="15" customHeight="1">
      <c r="A52" s="17" t="s">
        <v>101</v>
      </c>
      <c r="B52" s="17"/>
      <c r="C52" s="13">
        <v>50101</v>
      </c>
      <c r="D52" s="19">
        <v>25582</v>
      </c>
      <c r="E52" s="19">
        <v>24519</v>
      </c>
      <c r="F52" s="19"/>
      <c r="G52" s="18" t="s">
        <v>102</v>
      </c>
      <c r="H52" s="17"/>
      <c r="I52" s="13">
        <v>12481</v>
      </c>
      <c r="J52" s="19">
        <v>4163</v>
      </c>
      <c r="K52" s="19">
        <v>8318</v>
      </c>
    </row>
    <row r="53" spans="1:11" ht="20.100000000000001" customHeight="1">
      <c r="A53" s="17" t="s">
        <v>103</v>
      </c>
      <c r="B53" s="17"/>
      <c r="C53" s="13">
        <v>282576</v>
      </c>
      <c r="D53" s="14">
        <v>143988</v>
      </c>
      <c r="E53" s="14">
        <v>138588</v>
      </c>
      <c r="F53" s="14"/>
      <c r="G53" s="18" t="s">
        <v>104</v>
      </c>
      <c r="H53" s="17"/>
      <c r="I53" s="13">
        <v>37905</v>
      </c>
      <c r="J53" s="14">
        <v>10993</v>
      </c>
      <c r="K53" s="14">
        <v>26912</v>
      </c>
    </row>
    <row r="54" spans="1:11" ht="15" customHeight="1">
      <c r="A54" s="17" t="s">
        <v>105</v>
      </c>
      <c r="B54" s="17"/>
      <c r="C54" s="13">
        <v>51876</v>
      </c>
      <c r="D54" s="19">
        <v>26514</v>
      </c>
      <c r="E54" s="19">
        <v>25362</v>
      </c>
      <c r="F54" s="19"/>
      <c r="G54" s="18" t="s">
        <v>106</v>
      </c>
      <c r="H54" s="17"/>
      <c r="I54" s="13">
        <v>10851</v>
      </c>
      <c r="J54" s="19">
        <v>3452</v>
      </c>
      <c r="K54" s="19">
        <v>7399</v>
      </c>
    </row>
    <row r="55" spans="1:11" ht="15" customHeight="1">
      <c r="A55" s="17" t="s">
        <v>107</v>
      </c>
      <c r="B55" s="17"/>
      <c r="C55" s="13">
        <v>53850</v>
      </c>
      <c r="D55" s="19">
        <v>27526</v>
      </c>
      <c r="E55" s="19">
        <v>26324</v>
      </c>
      <c r="F55" s="19"/>
      <c r="G55" s="18" t="s">
        <v>108</v>
      </c>
      <c r="H55" s="17"/>
      <c r="I55" s="13">
        <v>8889</v>
      </c>
      <c r="J55" s="19">
        <v>2731</v>
      </c>
      <c r="K55" s="19">
        <v>6158</v>
      </c>
    </row>
    <row r="56" spans="1:11" ht="15" customHeight="1">
      <c r="A56" s="17" t="s">
        <v>109</v>
      </c>
      <c r="B56" s="17"/>
      <c r="C56" s="13">
        <v>56042</v>
      </c>
      <c r="D56" s="19">
        <v>28484</v>
      </c>
      <c r="E56" s="19">
        <v>27558</v>
      </c>
      <c r="F56" s="19"/>
      <c r="G56" s="18" t="s">
        <v>110</v>
      </c>
      <c r="H56" s="17"/>
      <c r="I56" s="13">
        <v>7451</v>
      </c>
      <c r="J56" s="19">
        <v>2125</v>
      </c>
      <c r="K56" s="19">
        <v>5326</v>
      </c>
    </row>
    <row r="57" spans="1:11" ht="15" customHeight="1">
      <c r="A57" s="17" t="s">
        <v>111</v>
      </c>
      <c r="B57" s="17"/>
      <c r="C57" s="13">
        <v>58121</v>
      </c>
      <c r="D57" s="19">
        <v>29700</v>
      </c>
      <c r="E57" s="19">
        <v>28421</v>
      </c>
      <c r="F57" s="19"/>
      <c r="G57" s="18" t="s">
        <v>112</v>
      </c>
      <c r="H57" s="17"/>
      <c r="I57" s="13">
        <v>6248</v>
      </c>
      <c r="J57" s="19">
        <v>1610</v>
      </c>
      <c r="K57" s="19">
        <v>4638</v>
      </c>
    </row>
    <row r="58" spans="1:11" ht="15" customHeight="1">
      <c r="A58" s="17" t="s">
        <v>113</v>
      </c>
      <c r="B58" s="17"/>
      <c r="C58" s="13">
        <v>62687</v>
      </c>
      <c r="D58" s="19">
        <v>31764</v>
      </c>
      <c r="E58" s="19">
        <v>30923</v>
      </c>
      <c r="F58" s="19"/>
      <c r="G58" s="18" t="s">
        <v>114</v>
      </c>
      <c r="H58" s="17"/>
      <c r="I58" s="13">
        <v>4466</v>
      </c>
      <c r="J58" s="19">
        <v>1075</v>
      </c>
      <c r="K58" s="19">
        <v>3391</v>
      </c>
    </row>
    <row r="59" spans="1:11" ht="20.100000000000001" customHeight="1">
      <c r="A59" s="17" t="s">
        <v>115</v>
      </c>
      <c r="B59" s="17"/>
      <c r="C59" s="13">
        <v>325358</v>
      </c>
      <c r="D59" s="14">
        <v>164851</v>
      </c>
      <c r="E59" s="14">
        <v>160507</v>
      </c>
      <c r="F59" s="14"/>
      <c r="G59" s="18" t="s">
        <v>116</v>
      </c>
      <c r="H59" s="17"/>
      <c r="I59" s="13">
        <v>9602</v>
      </c>
      <c r="J59" s="14">
        <v>1848</v>
      </c>
      <c r="K59" s="14">
        <v>7754</v>
      </c>
    </row>
    <row r="60" spans="1:11" ht="15" customHeight="1">
      <c r="A60" s="17" t="s">
        <v>117</v>
      </c>
      <c r="B60" s="17"/>
      <c r="C60" s="13">
        <v>65704</v>
      </c>
      <c r="D60" s="19">
        <v>33181</v>
      </c>
      <c r="E60" s="19">
        <v>32523</v>
      </c>
      <c r="F60" s="19"/>
      <c r="G60" s="18" t="s">
        <v>118</v>
      </c>
      <c r="H60" s="17"/>
      <c r="I60" s="13">
        <v>3349</v>
      </c>
      <c r="J60" s="19">
        <v>743</v>
      </c>
      <c r="K60" s="19">
        <v>2606</v>
      </c>
    </row>
    <row r="61" spans="1:11" ht="15" customHeight="1">
      <c r="A61" s="17" t="s">
        <v>119</v>
      </c>
      <c r="B61" s="17"/>
      <c r="C61" s="13">
        <v>65427</v>
      </c>
      <c r="D61" s="19">
        <v>33133</v>
      </c>
      <c r="E61" s="19">
        <v>32294</v>
      </c>
      <c r="F61" s="19"/>
      <c r="G61" s="18" t="s">
        <v>120</v>
      </c>
      <c r="H61" s="17"/>
      <c r="I61" s="13">
        <v>2305</v>
      </c>
      <c r="J61" s="19">
        <v>417</v>
      </c>
      <c r="K61" s="19">
        <v>1888</v>
      </c>
    </row>
    <row r="62" spans="1:11" ht="15" customHeight="1">
      <c r="A62" s="17" t="s">
        <v>121</v>
      </c>
      <c r="B62" s="17"/>
      <c r="C62" s="13">
        <v>64965</v>
      </c>
      <c r="D62" s="19">
        <v>32616</v>
      </c>
      <c r="E62" s="19">
        <v>32349</v>
      </c>
      <c r="F62" s="19"/>
      <c r="G62" s="18" t="s">
        <v>122</v>
      </c>
      <c r="H62" s="17"/>
      <c r="I62" s="13">
        <v>1869</v>
      </c>
      <c r="J62" s="19">
        <v>338</v>
      </c>
      <c r="K62" s="19">
        <v>1531</v>
      </c>
    </row>
    <row r="63" spans="1:11" ht="15" customHeight="1">
      <c r="A63" s="17" t="s">
        <v>123</v>
      </c>
      <c r="B63" s="17"/>
      <c r="C63" s="13">
        <v>65415</v>
      </c>
      <c r="D63" s="19">
        <v>33129</v>
      </c>
      <c r="E63" s="19">
        <v>32286</v>
      </c>
      <c r="F63" s="19"/>
      <c r="G63" s="18" t="s">
        <v>124</v>
      </c>
      <c r="H63" s="17"/>
      <c r="I63" s="13">
        <v>1279</v>
      </c>
      <c r="J63" s="19">
        <v>220</v>
      </c>
      <c r="K63" s="19">
        <v>1059</v>
      </c>
    </row>
    <row r="64" spans="1:11" ht="15" customHeight="1">
      <c r="A64" s="17" t="s">
        <v>125</v>
      </c>
      <c r="B64" s="17"/>
      <c r="C64" s="13">
        <v>63847</v>
      </c>
      <c r="D64" s="19">
        <v>32792</v>
      </c>
      <c r="E64" s="19">
        <v>31055</v>
      </c>
      <c r="F64" s="19"/>
      <c r="G64" s="18" t="s">
        <v>126</v>
      </c>
      <c r="H64" s="17"/>
      <c r="I64" s="13">
        <v>800</v>
      </c>
      <c r="J64" s="19">
        <v>130</v>
      </c>
      <c r="K64" s="19">
        <v>67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545</v>
      </c>
      <c r="J65" s="19">
        <v>194</v>
      </c>
      <c r="K65" s="19">
        <v>135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2528</v>
      </c>
      <c r="J66" s="29">
        <v>15117</v>
      </c>
      <c r="K66" s="29">
        <v>7411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2" pageOrder="overThenDown" orientation="portrait" blackAndWhite="1" useFirstPageNumber="1" horizontalDpi="300" verticalDpi="300"/>
  <headerFooter scaleWithDoc="0"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11550</v>
      </c>
      <c r="D4" s="14">
        <v>105357</v>
      </c>
      <c r="E4" s="14">
        <v>10619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547</v>
      </c>
      <c r="D5" s="14">
        <v>4827</v>
      </c>
      <c r="E5" s="14">
        <v>4720</v>
      </c>
      <c r="F5" s="14"/>
      <c r="G5" s="18" t="s">
        <v>8</v>
      </c>
      <c r="H5" s="17"/>
      <c r="I5" s="13">
        <v>19153</v>
      </c>
      <c r="J5" s="14">
        <v>9804</v>
      </c>
      <c r="K5" s="14">
        <v>9349</v>
      </c>
    </row>
    <row r="6" spans="1:11" ht="15" customHeight="1">
      <c r="A6" s="17" t="s">
        <v>9</v>
      </c>
      <c r="B6" s="17"/>
      <c r="C6" s="13">
        <v>1650</v>
      </c>
      <c r="D6" s="19">
        <v>854</v>
      </c>
      <c r="E6" s="19">
        <v>796</v>
      </c>
      <c r="F6" s="19"/>
      <c r="G6" s="18" t="s">
        <v>10</v>
      </c>
      <c r="H6" s="17"/>
      <c r="I6" s="13">
        <v>4273</v>
      </c>
      <c r="J6" s="19">
        <v>2198</v>
      </c>
      <c r="K6" s="19">
        <v>2075</v>
      </c>
    </row>
    <row r="7" spans="1:11" ht="15" customHeight="1">
      <c r="A7" s="17" t="s">
        <v>11</v>
      </c>
      <c r="B7" s="17"/>
      <c r="C7" s="13">
        <v>1826</v>
      </c>
      <c r="D7" s="19">
        <v>908</v>
      </c>
      <c r="E7" s="19">
        <v>918</v>
      </c>
      <c r="F7" s="19"/>
      <c r="G7" s="18" t="s">
        <v>12</v>
      </c>
      <c r="H7" s="17"/>
      <c r="I7" s="13">
        <v>4254</v>
      </c>
      <c r="J7" s="19">
        <v>2120</v>
      </c>
      <c r="K7" s="19">
        <v>2134</v>
      </c>
    </row>
    <row r="8" spans="1:11" ht="15" customHeight="1">
      <c r="A8" s="17" t="s">
        <v>13</v>
      </c>
      <c r="B8" s="17"/>
      <c r="C8" s="13">
        <v>1973</v>
      </c>
      <c r="D8" s="19">
        <v>986</v>
      </c>
      <c r="E8" s="19">
        <v>987</v>
      </c>
      <c r="F8" s="19"/>
      <c r="G8" s="18" t="s">
        <v>14</v>
      </c>
      <c r="H8" s="17"/>
      <c r="I8" s="13">
        <v>3064</v>
      </c>
      <c r="J8" s="19">
        <v>1562</v>
      </c>
      <c r="K8" s="19">
        <v>1502</v>
      </c>
    </row>
    <row r="9" spans="1:11" ht="15" customHeight="1">
      <c r="A9" s="17" t="s">
        <v>15</v>
      </c>
      <c r="B9" s="17"/>
      <c r="C9" s="13">
        <v>2001</v>
      </c>
      <c r="D9" s="19">
        <v>1049</v>
      </c>
      <c r="E9" s="19">
        <v>952</v>
      </c>
      <c r="F9" s="19"/>
      <c r="G9" s="18" t="s">
        <v>16</v>
      </c>
      <c r="H9" s="17"/>
      <c r="I9" s="13">
        <v>3932</v>
      </c>
      <c r="J9" s="19">
        <v>2043</v>
      </c>
      <c r="K9" s="19">
        <v>1889</v>
      </c>
    </row>
    <row r="10" spans="1:11" ht="15" customHeight="1">
      <c r="A10" s="17" t="s">
        <v>17</v>
      </c>
      <c r="B10" s="17"/>
      <c r="C10" s="13">
        <v>2097</v>
      </c>
      <c r="D10" s="19">
        <v>1030</v>
      </c>
      <c r="E10" s="19">
        <v>1067</v>
      </c>
      <c r="F10" s="19"/>
      <c r="G10" s="18" t="s">
        <v>18</v>
      </c>
      <c r="H10" s="17"/>
      <c r="I10" s="13">
        <v>3630</v>
      </c>
      <c r="J10" s="19">
        <v>1881</v>
      </c>
      <c r="K10" s="19">
        <v>1749</v>
      </c>
    </row>
    <row r="11" spans="1:11" ht="20.100000000000001" customHeight="1">
      <c r="A11" s="17" t="s">
        <v>19</v>
      </c>
      <c r="B11" s="17"/>
      <c r="C11" s="13">
        <v>11485</v>
      </c>
      <c r="D11" s="14">
        <v>5891</v>
      </c>
      <c r="E11" s="14">
        <v>5594</v>
      </c>
      <c r="F11" s="14"/>
      <c r="G11" s="18" t="s">
        <v>20</v>
      </c>
      <c r="H11" s="17"/>
      <c r="I11" s="13">
        <v>13849</v>
      </c>
      <c r="J11" s="14">
        <v>7385</v>
      </c>
      <c r="K11" s="14">
        <v>6464</v>
      </c>
    </row>
    <row r="12" spans="1:11" ht="15" customHeight="1">
      <c r="A12" s="17" t="s">
        <v>21</v>
      </c>
      <c r="B12" s="17"/>
      <c r="C12" s="13">
        <v>2200</v>
      </c>
      <c r="D12" s="19">
        <v>1132</v>
      </c>
      <c r="E12" s="19">
        <v>1068</v>
      </c>
      <c r="F12" s="19"/>
      <c r="G12" s="18" t="s">
        <v>22</v>
      </c>
      <c r="H12" s="17"/>
      <c r="I12" s="13">
        <v>3315</v>
      </c>
      <c r="J12" s="19">
        <v>1782</v>
      </c>
      <c r="K12" s="19">
        <v>1533</v>
      </c>
    </row>
    <row r="13" spans="1:11" ht="15" customHeight="1">
      <c r="A13" s="17" t="s">
        <v>23</v>
      </c>
      <c r="B13" s="17"/>
      <c r="C13" s="13">
        <v>2200</v>
      </c>
      <c r="D13" s="19">
        <v>1113</v>
      </c>
      <c r="E13" s="19">
        <v>1087</v>
      </c>
      <c r="F13" s="19"/>
      <c r="G13" s="18" t="s">
        <v>24</v>
      </c>
      <c r="H13" s="17"/>
      <c r="I13" s="13">
        <v>2900</v>
      </c>
      <c r="J13" s="19">
        <v>1509</v>
      </c>
      <c r="K13" s="19">
        <v>1391</v>
      </c>
    </row>
    <row r="14" spans="1:11" ht="15" customHeight="1">
      <c r="A14" s="17" t="s">
        <v>25</v>
      </c>
      <c r="B14" s="17"/>
      <c r="C14" s="13">
        <v>2345</v>
      </c>
      <c r="D14" s="19">
        <v>1208</v>
      </c>
      <c r="E14" s="19">
        <v>1137</v>
      </c>
      <c r="F14" s="19"/>
      <c r="G14" s="18" t="s">
        <v>26</v>
      </c>
      <c r="H14" s="17"/>
      <c r="I14" s="13">
        <v>2789</v>
      </c>
      <c r="J14" s="19">
        <v>1490</v>
      </c>
      <c r="K14" s="19">
        <v>1299</v>
      </c>
    </row>
    <row r="15" spans="1:11" ht="15" customHeight="1">
      <c r="A15" s="17" t="s">
        <v>27</v>
      </c>
      <c r="B15" s="17"/>
      <c r="C15" s="13">
        <v>2359</v>
      </c>
      <c r="D15" s="19">
        <v>1230</v>
      </c>
      <c r="E15" s="19">
        <v>1129</v>
      </c>
      <c r="F15" s="19"/>
      <c r="G15" s="18" t="s">
        <v>28</v>
      </c>
      <c r="H15" s="17"/>
      <c r="I15" s="13">
        <v>2497</v>
      </c>
      <c r="J15" s="19">
        <v>1339</v>
      </c>
      <c r="K15" s="19">
        <v>1158</v>
      </c>
    </row>
    <row r="16" spans="1:11" ht="15" customHeight="1">
      <c r="A16" s="17" t="s">
        <v>29</v>
      </c>
      <c r="B16" s="17"/>
      <c r="C16" s="13">
        <v>2381</v>
      </c>
      <c r="D16" s="19">
        <v>1208</v>
      </c>
      <c r="E16" s="19">
        <v>1173</v>
      </c>
      <c r="F16" s="19"/>
      <c r="G16" s="18" t="s">
        <v>30</v>
      </c>
      <c r="H16" s="17"/>
      <c r="I16" s="13">
        <v>2348</v>
      </c>
      <c r="J16" s="19">
        <v>1265</v>
      </c>
      <c r="K16" s="19">
        <v>1083</v>
      </c>
    </row>
    <row r="17" spans="1:11" ht="20.100000000000001" customHeight="1">
      <c r="A17" s="20" t="s">
        <v>31</v>
      </c>
      <c r="B17" s="20"/>
      <c r="C17" s="13">
        <v>11869</v>
      </c>
      <c r="D17" s="14">
        <v>6147</v>
      </c>
      <c r="E17" s="14">
        <v>5722</v>
      </c>
      <c r="F17" s="14"/>
      <c r="G17" s="18" t="s">
        <v>32</v>
      </c>
      <c r="H17" s="17"/>
      <c r="I17" s="13">
        <v>9700</v>
      </c>
      <c r="J17" s="14">
        <v>5040</v>
      </c>
      <c r="K17" s="14">
        <v>4660</v>
      </c>
    </row>
    <row r="18" spans="1:11" ht="15" customHeight="1">
      <c r="A18" s="17" t="s">
        <v>33</v>
      </c>
      <c r="B18" s="17"/>
      <c r="C18" s="13">
        <v>2303</v>
      </c>
      <c r="D18" s="19">
        <v>1111</v>
      </c>
      <c r="E18" s="19">
        <v>1192</v>
      </c>
      <c r="F18" s="19"/>
      <c r="G18" s="18" t="s">
        <v>34</v>
      </c>
      <c r="H18" s="17"/>
      <c r="I18" s="13">
        <v>2213</v>
      </c>
      <c r="J18" s="19">
        <v>1195</v>
      </c>
      <c r="K18" s="19">
        <v>1018</v>
      </c>
    </row>
    <row r="19" spans="1:11" ht="15" customHeight="1">
      <c r="A19" s="17" t="s">
        <v>35</v>
      </c>
      <c r="B19" s="17"/>
      <c r="C19" s="13">
        <v>2406</v>
      </c>
      <c r="D19" s="19">
        <v>1278</v>
      </c>
      <c r="E19" s="19">
        <v>1128</v>
      </c>
      <c r="F19" s="19"/>
      <c r="G19" s="18" t="s">
        <v>36</v>
      </c>
      <c r="H19" s="17"/>
      <c r="I19" s="13">
        <v>1948</v>
      </c>
      <c r="J19" s="19">
        <v>1006</v>
      </c>
      <c r="K19" s="19">
        <v>942</v>
      </c>
    </row>
    <row r="20" spans="1:11" ht="15" customHeight="1">
      <c r="A20" s="17" t="s">
        <v>37</v>
      </c>
      <c r="B20" s="17"/>
      <c r="C20" s="13">
        <v>2426</v>
      </c>
      <c r="D20" s="19">
        <v>1287</v>
      </c>
      <c r="E20" s="19">
        <v>1139</v>
      </c>
      <c r="F20" s="19"/>
      <c r="G20" s="18" t="s">
        <v>38</v>
      </c>
      <c r="H20" s="17"/>
      <c r="I20" s="13">
        <v>1902</v>
      </c>
      <c r="J20" s="19">
        <v>965</v>
      </c>
      <c r="K20" s="19">
        <v>937</v>
      </c>
    </row>
    <row r="21" spans="1:11" ht="15" customHeight="1">
      <c r="A21" s="17" t="s">
        <v>39</v>
      </c>
      <c r="B21" s="17"/>
      <c r="C21" s="13">
        <v>2350</v>
      </c>
      <c r="D21" s="19">
        <v>1254</v>
      </c>
      <c r="E21" s="19">
        <v>1096</v>
      </c>
      <c r="F21" s="19"/>
      <c r="G21" s="18" t="s">
        <v>40</v>
      </c>
      <c r="H21" s="17"/>
      <c r="I21" s="13">
        <v>1895</v>
      </c>
      <c r="J21" s="19">
        <v>1011</v>
      </c>
      <c r="K21" s="19">
        <v>884</v>
      </c>
    </row>
    <row r="22" spans="1:11" ht="15" customHeight="1">
      <c r="A22" s="17" t="s">
        <v>41</v>
      </c>
      <c r="B22" s="17"/>
      <c r="C22" s="13">
        <v>2384</v>
      </c>
      <c r="D22" s="19">
        <v>1217</v>
      </c>
      <c r="E22" s="19">
        <v>1167</v>
      </c>
      <c r="F22" s="19"/>
      <c r="G22" s="18" t="s">
        <v>42</v>
      </c>
      <c r="H22" s="17"/>
      <c r="I22" s="13">
        <v>1742</v>
      </c>
      <c r="J22" s="19">
        <v>863</v>
      </c>
      <c r="K22" s="19">
        <v>879</v>
      </c>
    </row>
    <row r="23" spans="1:11" ht="20.100000000000001" customHeight="1">
      <c r="A23" s="17" t="s">
        <v>43</v>
      </c>
      <c r="B23" s="17"/>
      <c r="C23" s="13">
        <v>12906</v>
      </c>
      <c r="D23" s="14">
        <v>6632</v>
      </c>
      <c r="E23" s="14">
        <v>6274</v>
      </c>
      <c r="F23" s="14"/>
      <c r="G23" s="18" t="s">
        <v>44</v>
      </c>
      <c r="H23" s="17"/>
      <c r="I23" s="13">
        <v>9848</v>
      </c>
      <c r="J23" s="14">
        <v>4980</v>
      </c>
      <c r="K23" s="14">
        <v>4868</v>
      </c>
    </row>
    <row r="24" spans="1:11" ht="15" customHeight="1">
      <c r="A24" s="17" t="s">
        <v>45</v>
      </c>
      <c r="B24" s="17"/>
      <c r="C24" s="13">
        <v>2527</v>
      </c>
      <c r="D24" s="19">
        <v>1278</v>
      </c>
      <c r="E24" s="19">
        <v>1249</v>
      </c>
      <c r="F24" s="19"/>
      <c r="G24" s="18" t="s">
        <v>46</v>
      </c>
      <c r="H24" s="17"/>
      <c r="I24" s="13">
        <v>1769</v>
      </c>
      <c r="J24" s="19">
        <v>891</v>
      </c>
      <c r="K24" s="19">
        <v>878</v>
      </c>
    </row>
    <row r="25" spans="1:11" ht="15" customHeight="1">
      <c r="A25" s="17" t="s">
        <v>47</v>
      </c>
      <c r="B25" s="17"/>
      <c r="C25" s="13">
        <v>2516</v>
      </c>
      <c r="D25" s="19">
        <v>1337</v>
      </c>
      <c r="E25" s="19">
        <v>1179</v>
      </c>
      <c r="F25" s="19"/>
      <c r="G25" s="18" t="s">
        <v>48</v>
      </c>
      <c r="H25" s="17"/>
      <c r="I25" s="13">
        <v>1882</v>
      </c>
      <c r="J25" s="19">
        <v>916</v>
      </c>
      <c r="K25" s="19">
        <v>966</v>
      </c>
    </row>
    <row r="26" spans="1:11" ht="15" customHeight="1">
      <c r="A26" s="17" t="s">
        <v>49</v>
      </c>
      <c r="B26" s="17"/>
      <c r="C26" s="13">
        <v>2565</v>
      </c>
      <c r="D26" s="19">
        <v>1301</v>
      </c>
      <c r="E26" s="19">
        <v>1264</v>
      </c>
      <c r="F26" s="19"/>
      <c r="G26" s="18" t="s">
        <v>50</v>
      </c>
      <c r="H26" s="17"/>
      <c r="I26" s="13">
        <v>1846</v>
      </c>
      <c r="J26" s="19">
        <v>936</v>
      </c>
      <c r="K26" s="19">
        <v>910</v>
      </c>
    </row>
    <row r="27" spans="1:11" ht="15" customHeight="1">
      <c r="A27" s="17" t="s">
        <v>51</v>
      </c>
      <c r="B27" s="17"/>
      <c r="C27" s="13">
        <v>2611</v>
      </c>
      <c r="D27" s="19">
        <v>1347</v>
      </c>
      <c r="E27" s="19">
        <v>1264</v>
      </c>
      <c r="F27" s="19"/>
      <c r="G27" s="18" t="s">
        <v>52</v>
      </c>
      <c r="H27" s="17"/>
      <c r="I27" s="13">
        <v>2063</v>
      </c>
      <c r="J27" s="19">
        <v>1052</v>
      </c>
      <c r="K27" s="19">
        <v>1011</v>
      </c>
    </row>
    <row r="28" spans="1:11" ht="15" customHeight="1">
      <c r="A28" s="17" t="s">
        <v>53</v>
      </c>
      <c r="B28" s="17"/>
      <c r="C28" s="13">
        <v>2687</v>
      </c>
      <c r="D28" s="19">
        <v>1369</v>
      </c>
      <c r="E28" s="19">
        <v>1318</v>
      </c>
      <c r="F28" s="19"/>
      <c r="G28" s="18" t="s">
        <v>54</v>
      </c>
      <c r="H28" s="17"/>
      <c r="I28" s="13">
        <v>2288</v>
      </c>
      <c r="J28" s="19">
        <v>1185</v>
      </c>
      <c r="K28" s="19">
        <v>1103</v>
      </c>
    </row>
    <row r="29" spans="1:11" ht="20.100000000000001" customHeight="1">
      <c r="A29" s="17" t="s">
        <v>55</v>
      </c>
      <c r="B29" s="17"/>
      <c r="C29" s="13">
        <v>12438</v>
      </c>
      <c r="D29" s="14">
        <v>6411</v>
      </c>
      <c r="E29" s="14">
        <v>6027</v>
      </c>
      <c r="F29" s="14"/>
      <c r="G29" s="18" t="s">
        <v>56</v>
      </c>
      <c r="H29" s="17"/>
      <c r="I29" s="13">
        <v>8731</v>
      </c>
      <c r="J29" s="14">
        <v>4177</v>
      </c>
      <c r="K29" s="14">
        <v>4554</v>
      </c>
    </row>
    <row r="30" spans="1:11" ht="15" customHeight="1">
      <c r="A30" s="17" t="s">
        <v>57</v>
      </c>
      <c r="B30" s="17"/>
      <c r="C30" s="13">
        <v>2526</v>
      </c>
      <c r="D30" s="19">
        <v>1331</v>
      </c>
      <c r="E30" s="19">
        <v>1195</v>
      </c>
      <c r="F30" s="19"/>
      <c r="G30" s="18" t="s">
        <v>58</v>
      </c>
      <c r="H30" s="17"/>
      <c r="I30" s="13">
        <v>2189</v>
      </c>
      <c r="J30" s="19">
        <v>1075</v>
      </c>
      <c r="K30" s="19">
        <v>1114</v>
      </c>
    </row>
    <row r="31" spans="1:11" ht="15" customHeight="1">
      <c r="A31" s="17" t="s">
        <v>59</v>
      </c>
      <c r="B31" s="17"/>
      <c r="C31" s="13">
        <v>2692</v>
      </c>
      <c r="D31" s="19">
        <v>1428</v>
      </c>
      <c r="E31" s="19">
        <v>1264</v>
      </c>
      <c r="F31" s="19"/>
      <c r="G31" s="18" t="s">
        <v>60</v>
      </c>
      <c r="H31" s="17"/>
      <c r="I31" s="13">
        <v>2189</v>
      </c>
      <c r="J31" s="19">
        <v>1075</v>
      </c>
      <c r="K31" s="19">
        <v>1114</v>
      </c>
    </row>
    <row r="32" spans="1:11" ht="15" customHeight="1">
      <c r="A32" s="17" t="s">
        <v>61</v>
      </c>
      <c r="B32" s="17"/>
      <c r="C32" s="13">
        <v>2583</v>
      </c>
      <c r="D32" s="19">
        <v>1295</v>
      </c>
      <c r="E32" s="19">
        <v>1288</v>
      </c>
      <c r="F32" s="19"/>
      <c r="G32" s="18" t="s">
        <v>62</v>
      </c>
      <c r="H32" s="17"/>
      <c r="I32" s="13">
        <v>1479</v>
      </c>
      <c r="J32" s="19">
        <v>716</v>
      </c>
      <c r="K32" s="19">
        <v>763</v>
      </c>
    </row>
    <row r="33" spans="1:11" ht="15" customHeight="1">
      <c r="A33" s="17" t="s">
        <v>63</v>
      </c>
      <c r="B33" s="17"/>
      <c r="C33" s="13">
        <v>2321</v>
      </c>
      <c r="D33" s="19">
        <v>1198</v>
      </c>
      <c r="E33" s="19">
        <v>1123</v>
      </c>
      <c r="F33" s="19"/>
      <c r="G33" s="18" t="s">
        <v>64</v>
      </c>
      <c r="H33" s="17"/>
      <c r="I33" s="13">
        <v>1306</v>
      </c>
      <c r="J33" s="19">
        <v>586</v>
      </c>
      <c r="K33" s="19">
        <v>720</v>
      </c>
    </row>
    <row r="34" spans="1:11" ht="15" customHeight="1">
      <c r="A34" s="17" t="s">
        <v>65</v>
      </c>
      <c r="B34" s="17"/>
      <c r="C34" s="13">
        <v>2316</v>
      </c>
      <c r="D34" s="19">
        <v>1159</v>
      </c>
      <c r="E34" s="19">
        <v>1157</v>
      </c>
      <c r="F34" s="19"/>
      <c r="G34" s="18" t="s">
        <v>66</v>
      </c>
      <c r="H34" s="17"/>
      <c r="I34" s="13">
        <v>1568</v>
      </c>
      <c r="J34" s="19">
        <v>725</v>
      </c>
      <c r="K34" s="19">
        <v>843</v>
      </c>
    </row>
    <row r="35" spans="1:11" ht="20.100000000000001" customHeight="1">
      <c r="A35" s="17" t="s">
        <v>67</v>
      </c>
      <c r="B35" s="17"/>
      <c r="C35" s="13">
        <v>9879</v>
      </c>
      <c r="D35" s="14">
        <v>5048</v>
      </c>
      <c r="E35" s="14">
        <v>4831</v>
      </c>
      <c r="F35" s="14"/>
      <c r="G35" s="18" t="s">
        <v>68</v>
      </c>
      <c r="H35" s="17"/>
      <c r="I35" s="13">
        <v>7534</v>
      </c>
      <c r="J35" s="14">
        <v>3434</v>
      </c>
      <c r="K35" s="14">
        <v>4100</v>
      </c>
    </row>
    <row r="36" spans="1:11" ht="15" customHeight="1">
      <c r="A36" s="17" t="s">
        <v>69</v>
      </c>
      <c r="B36" s="17"/>
      <c r="C36" s="13">
        <v>2022</v>
      </c>
      <c r="D36" s="19">
        <v>1036</v>
      </c>
      <c r="E36" s="19">
        <v>986</v>
      </c>
      <c r="F36" s="19"/>
      <c r="G36" s="18" t="s">
        <v>70</v>
      </c>
      <c r="H36" s="17"/>
      <c r="I36" s="13">
        <v>1621</v>
      </c>
      <c r="J36" s="19">
        <v>744</v>
      </c>
      <c r="K36" s="19">
        <v>877</v>
      </c>
    </row>
    <row r="37" spans="1:11" ht="15" customHeight="1">
      <c r="A37" s="17" t="s">
        <v>71</v>
      </c>
      <c r="B37" s="17"/>
      <c r="C37" s="13">
        <v>1975</v>
      </c>
      <c r="D37" s="19">
        <v>1016</v>
      </c>
      <c r="E37" s="19">
        <v>959</v>
      </c>
      <c r="F37" s="19"/>
      <c r="G37" s="18" t="s">
        <v>72</v>
      </c>
      <c r="H37" s="17"/>
      <c r="I37" s="13">
        <v>1638</v>
      </c>
      <c r="J37" s="19">
        <v>768</v>
      </c>
      <c r="K37" s="19">
        <v>870</v>
      </c>
    </row>
    <row r="38" spans="1:11" ht="15" customHeight="1">
      <c r="A38" s="17" t="s">
        <v>73</v>
      </c>
      <c r="B38" s="17"/>
      <c r="C38" s="13">
        <v>2006</v>
      </c>
      <c r="D38" s="19">
        <v>989</v>
      </c>
      <c r="E38" s="19">
        <v>1017</v>
      </c>
      <c r="F38" s="19"/>
      <c r="G38" s="18" t="s">
        <v>74</v>
      </c>
      <c r="H38" s="17"/>
      <c r="I38" s="13">
        <v>1630</v>
      </c>
      <c r="J38" s="19">
        <v>732</v>
      </c>
      <c r="K38" s="19">
        <v>898</v>
      </c>
    </row>
    <row r="39" spans="1:11" ht="15" customHeight="1">
      <c r="A39" s="17" t="s">
        <v>75</v>
      </c>
      <c r="B39" s="17"/>
      <c r="C39" s="13">
        <v>2004</v>
      </c>
      <c r="D39" s="19">
        <v>1034</v>
      </c>
      <c r="E39" s="19">
        <v>970</v>
      </c>
      <c r="F39" s="19"/>
      <c r="G39" s="18" t="s">
        <v>76</v>
      </c>
      <c r="H39" s="17"/>
      <c r="I39" s="13">
        <v>1430</v>
      </c>
      <c r="J39" s="19">
        <v>647</v>
      </c>
      <c r="K39" s="19">
        <v>783</v>
      </c>
    </row>
    <row r="40" spans="1:11" ht="15" customHeight="1">
      <c r="A40" s="17" t="s">
        <v>77</v>
      </c>
      <c r="B40" s="17"/>
      <c r="C40" s="13">
        <v>1872</v>
      </c>
      <c r="D40" s="19">
        <v>973</v>
      </c>
      <c r="E40" s="19">
        <v>899</v>
      </c>
      <c r="F40" s="19"/>
      <c r="G40" s="18" t="s">
        <v>78</v>
      </c>
      <c r="H40" s="17"/>
      <c r="I40" s="13">
        <v>1215</v>
      </c>
      <c r="J40" s="19">
        <v>543</v>
      </c>
      <c r="K40" s="19">
        <v>672</v>
      </c>
    </row>
    <row r="41" spans="1:11" ht="20.100000000000001" customHeight="1">
      <c r="A41" s="17" t="s">
        <v>79</v>
      </c>
      <c r="B41" s="17"/>
      <c r="C41" s="13">
        <v>10714</v>
      </c>
      <c r="D41" s="14">
        <v>5453</v>
      </c>
      <c r="E41" s="14">
        <v>5261</v>
      </c>
      <c r="F41" s="14"/>
      <c r="G41" s="18" t="s">
        <v>80</v>
      </c>
      <c r="H41" s="17"/>
      <c r="I41" s="13">
        <v>5454</v>
      </c>
      <c r="J41" s="14">
        <v>2378</v>
      </c>
      <c r="K41" s="14">
        <v>3076</v>
      </c>
    </row>
    <row r="42" spans="1:11" ht="15" customHeight="1">
      <c r="A42" s="17" t="s">
        <v>81</v>
      </c>
      <c r="B42" s="17"/>
      <c r="C42" s="13">
        <v>1991</v>
      </c>
      <c r="D42" s="19">
        <v>1005</v>
      </c>
      <c r="E42" s="19">
        <v>986</v>
      </c>
      <c r="F42" s="19"/>
      <c r="G42" s="18" t="s">
        <v>82</v>
      </c>
      <c r="H42" s="17"/>
      <c r="I42" s="13">
        <v>1171</v>
      </c>
      <c r="J42" s="19">
        <v>522</v>
      </c>
      <c r="K42" s="19">
        <v>649</v>
      </c>
    </row>
    <row r="43" spans="1:11" ht="15" customHeight="1">
      <c r="A43" s="17" t="s">
        <v>83</v>
      </c>
      <c r="B43" s="17"/>
      <c r="C43" s="13">
        <v>1980</v>
      </c>
      <c r="D43" s="19">
        <v>1007</v>
      </c>
      <c r="E43" s="19">
        <v>973</v>
      </c>
      <c r="F43" s="19"/>
      <c r="G43" s="18" t="s">
        <v>84</v>
      </c>
      <c r="H43" s="17"/>
      <c r="I43" s="13">
        <v>1254</v>
      </c>
      <c r="J43" s="19">
        <v>533</v>
      </c>
      <c r="K43" s="19">
        <v>721</v>
      </c>
    </row>
    <row r="44" spans="1:11" ht="15" customHeight="1">
      <c r="A44" s="17" t="s">
        <v>85</v>
      </c>
      <c r="B44" s="17"/>
      <c r="C44" s="13">
        <v>2099</v>
      </c>
      <c r="D44" s="19">
        <v>1029</v>
      </c>
      <c r="E44" s="19">
        <v>1070</v>
      </c>
      <c r="F44" s="19"/>
      <c r="G44" s="18" t="s">
        <v>86</v>
      </c>
      <c r="H44" s="17"/>
      <c r="I44" s="13">
        <v>1154</v>
      </c>
      <c r="J44" s="19">
        <v>508</v>
      </c>
      <c r="K44" s="19">
        <v>646</v>
      </c>
    </row>
    <row r="45" spans="1:11" ht="15" customHeight="1">
      <c r="A45" s="17" t="s">
        <v>87</v>
      </c>
      <c r="B45" s="17"/>
      <c r="C45" s="13">
        <v>2225</v>
      </c>
      <c r="D45" s="19">
        <v>1170</v>
      </c>
      <c r="E45" s="19">
        <v>1055</v>
      </c>
      <c r="F45" s="19"/>
      <c r="G45" s="18" t="s">
        <v>88</v>
      </c>
      <c r="H45" s="17"/>
      <c r="I45" s="13">
        <v>1043</v>
      </c>
      <c r="J45" s="19">
        <v>457</v>
      </c>
      <c r="K45" s="19">
        <v>586</v>
      </c>
    </row>
    <row r="46" spans="1:11" ht="15" customHeight="1">
      <c r="A46" s="17" t="s">
        <v>89</v>
      </c>
      <c r="B46" s="17"/>
      <c r="C46" s="13">
        <v>2419</v>
      </c>
      <c r="D46" s="19">
        <v>1242</v>
      </c>
      <c r="E46" s="19">
        <v>1177</v>
      </c>
      <c r="F46" s="19"/>
      <c r="G46" s="18" t="s">
        <v>90</v>
      </c>
      <c r="H46" s="17"/>
      <c r="I46" s="13">
        <v>832</v>
      </c>
      <c r="J46" s="19">
        <v>358</v>
      </c>
      <c r="K46" s="19">
        <v>474</v>
      </c>
    </row>
    <row r="47" spans="1:11" ht="20.100000000000001" customHeight="1">
      <c r="A47" s="17" t="s">
        <v>91</v>
      </c>
      <c r="B47" s="17"/>
      <c r="C47" s="13">
        <v>13609</v>
      </c>
      <c r="D47" s="14">
        <v>6581</v>
      </c>
      <c r="E47" s="14">
        <v>7028</v>
      </c>
      <c r="F47" s="14"/>
      <c r="G47" s="18" t="s">
        <v>92</v>
      </c>
      <c r="H47" s="17"/>
      <c r="I47" s="13">
        <v>3513</v>
      </c>
      <c r="J47" s="14">
        <v>1245</v>
      </c>
      <c r="K47" s="14">
        <v>2268</v>
      </c>
    </row>
    <row r="48" spans="1:11" ht="15" customHeight="1">
      <c r="A48" s="17" t="s">
        <v>93</v>
      </c>
      <c r="B48" s="17"/>
      <c r="C48" s="13">
        <v>2600</v>
      </c>
      <c r="D48" s="19">
        <v>1267</v>
      </c>
      <c r="E48" s="19">
        <v>1333</v>
      </c>
      <c r="F48" s="19"/>
      <c r="G48" s="18" t="s">
        <v>94</v>
      </c>
      <c r="H48" s="17"/>
      <c r="I48" s="13">
        <v>893</v>
      </c>
      <c r="J48" s="19">
        <v>332</v>
      </c>
      <c r="K48" s="19">
        <v>561</v>
      </c>
    </row>
    <row r="49" spans="1:11" ht="15" customHeight="1">
      <c r="A49" s="17" t="s">
        <v>95</v>
      </c>
      <c r="B49" s="17"/>
      <c r="C49" s="13">
        <v>2543</v>
      </c>
      <c r="D49" s="19">
        <v>1219</v>
      </c>
      <c r="E49" s="19">
        <v>1324</v>
      </c>
      <c r="F49" s="19"/>
      <c r="G49" s="18" t="s">
        <v>96</v>
      </c>
      <c r="H49" s="17"/>
      <c r="I49" s="13">
        <v>719</v>
      </c>
      <c r="J49" s="19">
        <v>268</v>
      </c>
      <c r="K49" s="19">
        <v>451</v>
      </c>
    </row>
    <row r="50" spans="1:11" ht="15" customHeight="1">
      <c r="A50" s="17" t="s">
        <v>97</v>
      </c>
      <c r="B50" s="17"/>
      <c r="C50" s="13">
        <v>2658</v>
      </c>
      <c r="D50" s="19">
        <v>1317</v>
      </c>
      <c r="E50" s="19">
        <v>1341</v>
      </c>
      <c r="F50" s="19"/>
      <c r="G50" s="18" t="s">
        <v>98</v>
      </c>
      <c r="H50" s="17"/>
      <c r="I50" s="13">
        <v>748</v>
      </c>
      <c r="J50" s="19">
        <v>268</v>
      </c>
      <c r="K50" s="19">
        <v>480</v>
      </c>
    </row>
    <row r="51" spans="1:11" ht="15" customHeight="1">
      <c r="A51" s="17" t="s">
        <v>99</v>
      </c>
      <c r="B51" s="17"/>
      <c r="C51" s="13">
        <v>2867</v>
      </c>
      <c r="D51" s="19">
        <v>1373</v>
      </c>
      <c r="E51" s="19">
        <v>1494</v>
      </c>
      <c r="F51" s="19"/>
      <c r="G51" s="18" t="s">
        <v>100</v>
      </c>
      <c r="H51" s="17"/>
      <c r="I51" s="13">
        <v>624</v>
      </c>
      <c r="J51" s="19">
        <v>215</v>
      </c>
      <c r="K51" s="19">
        <v>409</v>
      </c>
    </row>
    <row r="52" spans="1:11" ht="15" customHeight="1">
      <c r="A52" s="17" t="s">
        <v>101</v>
      </c>
      <c r="B52" s="17"/>
      <c r="C52" s="13">
        <v>2941</v>
      </c>
      <c r="D52" s="19">
        <v>1405</v>
      </c>
      <c r="E52" s="19">
        <v>1536</v>
      </c>
      <c r="F52" s="19"/>
      <c r="G52" s="18" t="s">
        <v>102</v>
      </c>
      <c r="H52" s="17"/>
      <c r="I52" s="13">
        <v>529</v>
      </c>
      <c r="J52" s="19">
        <v>162</v>
      </c>
      <c r="K52" s="19">
        <v>367</v>
      </c>
    </row>
    <row r="53" spans="1:11" ht="20.100000000000001" customHeight="1">
      <c r="A53" s="17" t="s">
        <v>103</v>
      </c>
      <c r="B53" s="17"/>
      <c r="C53" s="13">
        <v>17286</v>
      </c>
      <c r="D53" s="14">
        <v>8488</v>
      </c>
      <c r="E53" s="14">
        <v>8798</v>
      </c>
      <c r="F53" s="14"/>
      <c r="G53" s="18" t="s">
        <v>104</v>
      </c>
      <c r="H53" s="17"/>
      <c r="I53" s="13">
        <v>1865</v>
      </c>
      <c r="J53" s="14">
        <v>499</v>
      </c>
      <c r="K53" s="14">
        <v>1366</v>
      </c>
    </row>
    <row r="54" spans="1:11" ht="15" customHeight="1">
      <c r="A54" s="17" t="s">
        <v>105</v>
      </c>
      <c r="B54" s="17"/>
      <c r="C54" s="13">
        <v>3117</v>
      </c>
      <c r="D54" s="19">
        <v>1540</v>
      </c>
      <c r="E54" s="19">
        <v>1577</v>
      </c>
      <c r="F54" s="19"/>
      <c r="G54" s="18" t="s">
        <v>106</v>
      </c>
      <c r="H54" s="17"/>
      <c r="I54" s="13">
        <v>481</v>
      </c>
      <c r="J54" s="19">
        <v>138</v>
      </c>
      <c r="K54" s="19">
        <v>343</v>
      </c>
    </row>
    <row r="55" spans="1:11" ht="15" customHeight="1">
      <c r="A55" s="17" t="s">
        <v>107</v>
      </c>
      <c r="B55" s="17"/>
      <c r="C55" s="13">
        <v>3286</v>
      </c>
      <c r="D55" s="19">
        <v>1597</v>
      </c>
      <c r="E55" s="19">
        <v>1689</v>
      </c>
      <c r="F55" s="19"/>
      <c r="G55" s="18" t="s">
        <v>108</v>
      </c>
      <c r="H55" s="17"/>
      <c r="I55" s="13">
        <v>433</v>
      </c>
      <c r="J55" s="19">
        <v>113</v>
      </c>
      <c r="K55" s="19">
        <v>320</v>
      </c>
    </row>
    <row r="56" spans="1:11" ht="15" customHeight="1">
      <c r="A56" s="17" t="s">
        <v>109</v>
      </c>
      <c r="B56" s="17"/>
      <c r="C56" s="13">
        <v>3377</v>
      </c>
      <c r="D56" s="19">
        <v>1670</v>
      </c>
      <c r="E56" s="19">
        <v>1707</v>
      </c>
      <c r="F56" s="19"/>
      <c r="G56" s="18" t="s">
        <v>110</v>
      </c>
      <c r="H56" s="17"/>
      <c r="I56" s="13">
        <v>370</v>
      </c>
      <c r="J56" s="19">
        <v>92</v>
      </c>
      <c r="K56" s="19">
        <v>278</v>
      </c>
    </row>
    <row r="57" spans="1:11" ht="15" customHeight="1">
      <c r="A57" s="17" t="s">
        <v>111</v>
      </c>
      <c r="B57" s="17"/>
      <c r="C57" s="13">
        <v>3585</v>
      </c>
      <c r="D57" s="19">
        <v>1741</v>
      </c>
      <c r="E57" s="19">
        <v>1844</v>
      </c>
      <c r="F57" s="19"/>
      <c r="G57" s="18" t="s">
        <v>112</v>
      </c>
      <c r="H57" s="17"/>
      <c r="I57" s="13">
        <v>336</v>
      </c>
      <c r="J57" s="19">
        <v>88</v>
      </c>
      <c r="K57" s="19">
        <v>248</v>
      </c>
    </row>
    <row r="58" spans="1:11" ht="15" customHeight="1">
      <c r="A58" s="17" t="s">
        <v>113</v>
      </c>
      <c r="B58" s="17"/>
      <c r="C58" s="13">
        <v>3921</v>
      </c>
      <c r="D58" s="19">
        <v>1940</v>
      </c>
      <c r="E58" s="19">
        <v>1981</v>
      </c>
      <c r="F58" s="19"/>
      <c r="G58" s="18" t="s">
        <v>114</v>
      </c>
      <c r="H58" s="17"/>
      <c r="I58" s="13">
        <v>245</v>
      </c>
      <c r="J58" s="19">
        <v>68</v>
      </c>
      <c r="K58" s="19">
        <v>177</v>
      </c>
    </row>
    <row r="59" spans="1:11" ht="20.100000000000001" customHeight="1">
      <c r="A59" s="17" t="s">
        <v>115</v>
      </c>
      <c r="B59" s="17"/>
      <c r="C59" s="13">
        <v>20620</v>
      </c>
      <c r="D59" s="14">
        <v>10096</v>
      </c>
      <c r="E59" s="14">
        <v>10524</v>
      </c>
      <c r="F59" s="14"/>
      <c r="G59" s="18" t="s">
        <v>116</v>
      </c>
      <c r="H59" s="17"/>
      <c r="I59" s="13">
        <v>617</v>
      </c>
      <c r="J59" s="14">
        <v>111</v>
      </c>
      <c r="K59" s="14">
        <v>506</v>
      </c>
    </row>
    <row r="60" spans="1:11" ht="15" customHeight="1">
      <c r="A60" s="17" t="s">
        <v>117</v>
      </c>
      <c r="B60" s="17"/>
      <c r="C60" s="13">
        <v>4086</v>
      </c>
      <c r="D60" s="19">
        <v>2009</v>
      </c>
      <c r="E60" s="19">
        <v>2077</v>
      </c>
      <c r="F60" s="19"/>
      <c r="G60" s="18" t="s">
        <v>118</v>
      </c>
      <c r="H60" s="17"/>
      <c r="I60" s="13">
        <v>177</v>
      </c>
      <c r="J60" s="19">
        <v>39</v>
      </c>
      <c r="K60" s="19">
        <v>138</v>
      </c>
    </row>
    <row r="61" spans="1:11" ht="15" customHeight="1">
      <c r="A61" s="17" t="s">
        <v>119</v>
      </c>
      <c r="B61" s="17"/>
      <c r="C61" s="13">
        <v>4183</v>
      </c>
      <c r="D61" s="19">
        <v>1990</v>
      </c>
      <c r="E61" s="19">
        <v>2193</v>
      </c>
      <c r="F61" s="19"/>
      <c r="G61" s="18" t="s">
        <v>120</v>
      </c>
      <c r="H61" s="17"/>
      <c r="I61" s="13">
        <v>142</v>
      </c>
      <c r="J61" s="19">
        <v>30</v>
      </c>
      <c r="K61" s="19">
        <v>112</v>
      </c>
    </row>
    <row r="62" spans="1:11" ht="15" customHeight="1">
      <c r="A62" s="17" t="s">
        <v>121</v>
      </c>
      <c r="B62" s="17"/>
      <c r="C62" s="13">
        <v>4002</v>
      </c>
      <c r="D62" s="19">
        <v>1936</v>
      </c>
      <c r="E62" s="19">
        <v>2066</v>
      </c>
      <c r="F62" s="19"/>
      <c r="G62" s="18" t="s">
        <v>122</v>
      </c>
      <c r="H62" s="17"/>
      <c r="I62" s="13">
        <v>148</v>
      </c>
      <c r="J62" s="19">
        <v>19</v>
      </c>
      <c r="K62" s="19">
        <v>129</v>
      </c>
    </row>
    <row r="63" spans="1:11" ht="15" customHeight="1">
      <c r="A63" s="17" t="s">
        <v>123</v>
      </c>
      <c r="B63" s="17"/>
      <c r="C63" s="13">
        <v>4174</v>
      </c>
      <c r="D63" s="19">
        <v>2057</v>
      </c>
      <c r="E63" s="19">
        <v>2117</v>
      </c>
      <c r="F63" s="19"/>
      <c r="G63" s="18" t="s">
        <v>124</v>
      </c>
      <c r="H63" s="17"/>
      <c r="I63" s="13">
        <v>96</v>
      </c>
      <c r="J63" s="19">
        <v>15</v>
      </c>
      <c r="K63" s="19">
        <v>81</v>
      </c>
    </row>
    <row r="64" spans="1:11" ht="15" customHeight="1">
      <c r="A64" s="17" t="s">
        <v>125</v>
      </c>
      <c r="B64" s="17"/>
      <c r="C64" s="13">
        <v>4175</v>
      </c>
      <c r="D64" s="19">
        <v>2104</v>
      </c>
      <c r="E64" s="19">
        <v>2071</v>
      </c>
      <c r="F64" s="19"/>
      <c r="G64" s="18" t="s">
        <v>126</v>
      </c>
      <c r="H64" s="17"/>
      <c r="I64" s="13">
        <v>54</v>
      </c>
      <c r="J64" s="19">
        <v>8</v>
      </c>
      <c r="K64" s="19">
        <v>4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30</v>
      </c>
      <c r="J65" s="19">
        <v>29</v>
      </c>
      <c r="K65" s="19">
        <v>10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03</v>
      </c>
      <c r="J66" s="29">
        <v>701</v>
      </c>
      <c r="K66" s="29">
        <v>10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0" pageOrder="overThenDown" orientation="portrait" blackAndWhite="1" useFirstPageNumber="1" horizontalDpi="300" verticalDpi="300"/>
  <headerFooter scaleWithDoc="0"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2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17756</v>
      </c>
      <c r="D4" s="14">
        <v>768435</v>
      </c>
      <c r="E4" s="14">
        <v>74932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6366</v>
      </c>
      <c r="D5" s="14">
        <v>34047</v>
      </c>
      <c r="E5" s="14">
        <v>32319</v>
      </c>
      <c r="F5" s="14"/>
      <c r="G5" s="18" t="s">
        <v>8</v>
      </c>
      <c r="H5" s="17"/>
      <c r="I5" s="13">
        <v>110566</v>
      </c>
      <c r="J5" s="14">
        <v>58551</v>
      </c>
      <c r="K5" s="14">
        <v>52015</v>
      </c>
    </row>
    <row r="6" spans="1:11" ht="15" customHeight="1">
      <c r="A6" s="17" t="s">
        <v>9</v>
      </c>
      <c r="B6" s="17"/>
      <c r="C6" s="13">
        <v>13707</v>
      </c>
      <c r="D6" s="19">
        <v>7115</v>
      </c>
      <c r="E6" s="19">
        <v>6592</v>
      </c>
      <c r="F6" s="19"/>
      <c r="G6" s="18" t="s">
        <v>10</v>
      </c>
      <c r="H6" s="17"/>
      <c r="I6" s="13">
        <v>24524</v>
      </c>
      <c r="J6" s="19">
        <v>12894</v>
      </c>
      <c r="K6" s="19">
        <v>11630</v>
      </c>
    </row>
    <row r="7" spans="1:11" ht="15" customHeight="1">
      <c r="A7" s="17" t="s">
        <v>11</v>
      </c>
      <c r="B7" s="17"/>
      <c r="C7" s="13">
        <v>13665</v>
      </c>
      <c r="D7" s="19">
        <v>6990</v>
      </c>
      <c r="E7" s="19">
        <v>6675</v>
      </c>
      <c r="F7" s="19"/>
      <c r="G7" s="18" t="s">
        <v>12</v>
      </c>
      <c r="H7" s="17"/>
      <c r="I7" s="13">
        <v>24864</v>
      </c>
      <c r="J7" s="19">
        <v>13159</v>
      </c>
      <c r="K7" s="19">
        <v>11705</v>
      </c>
    </row>
    <row r="8" spans="1:11" ht="15" customHeight="1">
      <c r="A8" s="17" t="s">
        <v>13</v>
      </c>
      <c r="B8" s="17"/>
      <c r="C8" s="13">
        <v>13793</v>
      </c>
      <c r="D8" s="19">
        <v>7101</v>
      </c>
      <c r="E8" s="19">
        <v>6692</v>
      </c>
      <c r="F8" s="19"/>
      <c r="G8" s="18" t="s">
        <v>14</v>
      </c>
      <c r="H8" s="17"/>
      <c r="I8" s="13">
        <v>17880</v>
      </c>
      <c r="J8" s="19">
        <v>9478</v>
      </c>
      <c r="K8" s="19">
        <v>8402</v>
      </c>
    </row>
    <row r="9" spans="1:11" ht="15" customHeight="1">
      <c r="A9" s="17" t="s">
        <v>15</v>
      </c>
      <c r="B9" s="17"/>
      <c r="C9" s="13">
        <v>12801</v>
      </c>
      <c r="D9" s="19">
        <v>6506</v>
      </c>
      <c r="E9" s="19">
        <v>6295</v>
      </c>
      <c r="F9" s="19"/>
      <c r="G9" s="18" t="s">
        <v>16</v>
      </c>
      <c r="H9" s="17"/>
      <c r="I9" s="13">
        <v>22759</v>
      </c>
      <c r="J9" s="19">
        <v>12023</v>
      </c>
      <c r="K9" s="19">
        <v>10736</v>
      </c>
    </row>
    <row r="10" spans="1:11" ht="15" customHeight="1">
      <c r="A10" s="17" t="s">
        <v>17</v>
      </c>
      <c r="B10" s="17"/>
      <c r="C10" s="13">
        <v>12400</v>
      </c>
      <c r="D10" s="19">
        <v>6335</v>
      </c>
      <c r="E10" s="19">
        <v>6065</v>
      </c>
      <c r="F10" s="19"/>
      <c r="G10" s="18" t="s">
        <v>18</v>
      </c>
      <c r="H10" s="17"/>
      <c r="I10" s="13">
        <v>20539</v>
      </c>
      <c r="J10" s="19">
        <v>10997</v>
      </c>
      <c r="K10" s="19">
        <v>9542</v>
      </c>
    </row>
    <row r="11" spans="1:11" ht="20.100000000000001" customHeight="1">
      <c r="A11" s="17" t="s">
        <v>19</v>
      </c>
      <c r="B11" s="17"/>
      <c r="C11" s="13">
        <v>61016</v>
      </c>
      <c r="D11" s="14">
        <v>31250</v>
      </c>
      <c r="E11" s="14">
        <v>29766</v>
      </c>
      <c r="F11" s="14"/>
      <c r="G11" s="18" t="s">
        <v>20</v>
      </c>
      <c r="H11" s="17"/>
      <c r="I11" s="13">
        <v>86308</v>
      </c>
      <c r="J11" s="14">
        <v>45608</v>
      </c>
      <c r="K11" s="14">
        <v>40700</v>
      </c>
    </row>
    <row r="12" spans="1:11" ht="15" customHeight="1">
      <c r="A12" s="17" t="s">
        <v>21</v>
      </c>
      <c r="B12" s="17"/>
      <c r="C12" s="13">
        <v>12298</v>
      </c>
      <c r="D12" s="19">
        <v>6217</v>
      </c>
      <c r="E12" s="19">
        <v>6081</v>
      </c>
      <c r="F12" s="19"/>
      <c r="G12" s="18" t="s">
        <v>22</v>
      </c>
      <c r="H12" s="17"/>
      <c r="I12" s="13">
        <v>19451</v>
      </c>
      <c r="J12" s="19">
        <v>10315</v>
      </c>
      <c r="K12" s="19">
        <v>9136</v>
      </c>
    </row>
    <row r="13" spans="1:11" ht="15" customHeight="1">
      <c r="A13" s="17" t="s">
        <v>23</v>
      </c>
      <c r="B13" s="17"/>
      <c r="C13" s="13">
        <v>12260</v>
      </c>
      <c r="D13" s="19">
        <v>6316</v>
      </c>
      <c r="E13" s="19">
        <v>5944</v>
      </c>
      <c r="F13" s="19"/>
      <c r="G13" s="18" t="s">
        <v>24</v>
      </c>
      <c r="H13" s="17"/>
      <c r="I13" s="13">
        <v>18103</v>
      </c>
      <c r="J13" s="19">
        <v>9665</v>
      </c>
      <c r="K13" s="19">
        <v>8438</v>
      </c>
    </row>
    <row r="14" spans="1:11" ht="15" customHeight="1">
      <c r="A14" s="17" t="s">
        <v>25</v>
      </c>
      <c r="B14" s="17"/>
      <c r="C14" s="13">
        <v>12242</v>
      </c>
      <c r="D14" s="19">
        <v>6292</v>
      </c>
      <c r="E14" s="19">
        <v>5950</v>
      </c>
      <c r="F14" s="19"/>
      <c r="G14" s="18" t="s">
        <v>26</v>
      </c>
      <c r="H14" s="17"/>
      <c r="I14" s="13">
        <v>17025</v>
      </c>
      <c r="J14" s="19">
        <v>8912</v>
      </c>
      <c r="K14" s="19">
        <v>8113</v>
      </c>
    </row>
    <row r="15" spans="1:11" ht="15" customHeight="1">
      <c r="A15" s="17" t="s">
        <v>27</v>
      </c>
      <c r="B15" s="17"/>
      <c r="C15" s="13">
        <v>12121</v>
      </c>
      <c r="D15" s="19">
        <v>6239</v>
      </c>
      <c r="E15" s="19">
        <v>5882</v>
      </c>
      <c r="F15" s="19"/>
      <c r="G15" s="18" t="s">
        <v>28</v>
      </c>
      <c r="H15" s="17"/>
      <c r="I15" s="13">
        <v>16229</v>
      </c>
      <c r="J15" s="19">
        <v>8576</v>
      </c>
      <c r="K15" s="19">
        <v>7653</v>
      </c>
    </row>
    <row r="16" spans="1:11" ht="15" customHeight="1">
      <c r="A16" s="17" t="s">
        <v>29</v>
      </c>
      <c r="B16" s="17"/>
      <c r="C16" s="13">
        <v>12095</v>
      </c>
      <c r="D16" s="19">
        <v>6186</v>
      </c>
      <c r="E16" s="19">
        <v>5909</v>
      </c>
      <c r="F16" s="19"/>
      <c r="G16" s="18" t="s">
        <v>30</v>
      </c>
      <c r="H16" s="17"/>
      <c r="I16" s="13">
        <v>15500</v>
      </c>
      <c r="J16" s="19">
        <v>8140</v>
      </c>
      <c r="K16" s="19">
        <v>7360</v>
      </c>
    </row>
    <row r="17" spans="1:11" ht="20.100000000000001" customHeight="1">
      <c r="A17" s="20" t="s">
        <v>31</v>
      </c>
      <c r="B17" s="20"/>
      <c r="C17" s="13">
        <v>59206</v>
      </c>
      <c r="D17" s="14">
        <v>30392</v>
      </c>
      <c r="E17" s="14">
        <v>28814</v>
      </c>
      <c r="F17" s="14"/>
      <c r="G17" s="18" t="s">
        <v>32</v>
      </c>
      <c r="H17" s="17"/>
      <c r="I17" s="13">
        <v>70511</v>
      </c>
      <c r="J17" s="14">
        <v>36165</v>
      </c>
      <c r="K17" s="14">
        <v>34346</v>
      </c>
    </row>
    <row r="18" spans="1:11" ht="15" customHeight="1">
      <c r="A18" s="17" t="s">
        <v>33</v>
      </c>
      <c r="B18" s="17"/>
      <c r="C18" s="13">
        <v>12189</v>
      </c>
      <c r="D18" s="19">
        <v>6252</v>
      </c>
      <c r="E18" s="19">
        <v>5937</v>
      </c>
      <c r="F18" s="19"/>
      <c r="G18" s="18" t="s">
        <v>34</v>
      </c>
      <c r="H18" s="17"/>
      <c r="I18" s="13">
        <v>15137</v>
      </c>
      <c r="J18" s="19">
        <v>7808</v>
      </c>
      <c r="K18" s="19">
        <v>7329</v>
      </c>
    </row>
    <row r="19" spans="1:11" ht="15" customHeight="1">
      <c r="A19" s="17" t="s">
        <v>35</v>
      </c>
      <c r="B19" s="17"/>
      <c r="C19" s="13">
        <v>11976</v>
      </c>
      <c r="D19" s="19">
        <v>6152</v>
      </c>
      <c r="E19" s="19">
        <v>5824</v>
      </c>
      <c r="F19" s="19"/>
      <c r="G19" s="18" t="s">
        <v>36</v>
      </c>
      <c r="H19" s="17"/>
      <c r="I19" s="13">
        <v>13773</v>
      </c>
      <c r="J19" s="19">
        <v>7079</v>
      </c>
      <c r="K19" s="19">
        <v>6694</v>
      </c>
    </row>
    <row r="20" spans="1:11" ht="15" customHeight="1">
      <c r="A20" s="17" t="s">
        <v>37</v>
      </c>
      <c r="B20" s="17"/>
      <c r="C20" s="13">
        <v>11908</v>
      </c>
      <c r="D20" s="19">
        <v>6103</v>
      </c>
      <c r="E20" s="19">
        <v>5805</v>
      </c>
      <c r="F20" s="19"/>
      <c r="G20" s="18" t="s">
        <v>38</v>
      </c>
      <c r="H20" s="17"/>
      <c r="I20" s="13">
        <v>14059</v>
      </c>
      <c r="J20" s="19">
        <v>7304</v>
      </c>
      <c r="K20" s="19">
        <v>6755</v>
      </c>
    </row>
    <row r="21" spans="1:11" ht="15" customHeight="1">
      <c r="A21" s="17" t="s">
        <v>39</v>
      </c>
      <c r="B21" s="17"/>
      <c r="C21" s="13">
        <v>11390</v>
      </c>
      <c r="D21" s="19">
        <v>5787</v>
      </c>
      <c r="E21" s="19">
        <v>5603</v>
      </c>
      <c r="F21" s="19"/>
      <c r="G21" s="18" t="s">
        <v>40</v>
      </c>
      <c r="H21" s="17"/>
      <c r="I21" s="13">
        <v>13936</v>
      </c>
      <c r="J21" s="19">
        <v>7124</v>
      </c>
      <c r="K21" s="19">
        <v>6812</v>
      </c>
    </row>
    <row r="22" spans="1:11" ht="15" customHeight="1">
      <c r="A22" s="17" t="s">
        <v>41</v>
      </c>
      <c r="B22" s="17"/>
      <c r="C22" s="13">
        <v>11743</v>
      </c>
      <c r="D22" s="19">
        <v>6098</v>
      </c>
      <c r="E22" s="19">
        <v>5645</v>
      </c>
      <c r="F22" s="19"/>
      <c r="G22" s="18" t="s">
        <v>42</v>
      </c>
      <c r="H22" s="17"/>
      <c r="I22" s="13">
        <v>13606</v>
      </c>
      <c r="J22" s="19">
        <v>6850</v>
      </c>
      <c r="K22" s="19">
        <v>6756</v>
      </c>
    </row>
    <row r="23" spans="1:11" ht="20.100000000000001" customHeight="1">
      <c r="A23" s="17" t="s">
        <v>43</v>
      </c>
      <c r="B23" s="17"/>
      <c r="C23" s="13">
        <v>61513</v>
      </c>
      <c r="D23" s="14">
        <v>31230</v>
      </c>
      <c r="E23" s="14">
        <v>30283</v>
      </c>
      <c r="F23" s="14"/>
      <c r="G23" s="18" t="s">
        <v>44</v>
      </c>
      <c r="H23" s="17"/>
      <c r="I23" s="13">
        <v>79072</v>
      </c>
      <c r="J23" s="14">
        <v>39443</v>
      </c>
      <c r="K23" s="14">
        <v>39629</v>
      </c>
    </row>
    <row r="24" spans="1:11" ht="15" customHeight="1">
      <c r="A24" s="17" t="s">
        <v>45</v>
      </c>
      <c r="B24" s="17"/>
      <c r="C24" s="13">
        <v>11557</v>
      </c>
      <c r="D24" s="19">
        <v>5913</v>
      </c>
      <c r="E24" s="19">
        <v>5644</v>
      </c>
      <c r="F24" s="19"/>
      <c r="G24" s="18" t="s">
        <v>46</v>
      </c>
      <c r="H24" s="17"/>
      <c r="I24" s="13">
        <v>14133</v>
      </c>
      <c r="J24" s="19">
        <v>7169</v>
      </c>
      <c r="K24" s="19">
        <v>6964</v>
      </c>
    </row>
    <row r="25" spans="1:11" ht="15" customHeight="1">
      <c r="A25" s="17" t="s">
        <v>47</v>
      </c>
      <c r="B25" s="17"/>
      <c r="C25" s="13">
        <v>11854</v>
      </c>
      <c r="D25" s="19">
        <v>6001</v>
      </c>
      <c r="E25" s="19">
        <v>5853</v>
      </c>
      <c r="F25" s="19"/>
      <c r="G25" s="18" t="s">
        <v>48</v>
      </c>
      <c r="H25" s="17"/>
      <c r="I25" s="13">
        <v>15015</v>
      </c>
      <c r="J25" s="19">
        <v>7583</v>
      </c>
      <c r="K25" s="19">
        <v>7432</v>
      </c>
    </row>
    <row r="26" spans="1:11" ht="15" customHeight="1">
      <c r="A26" s="17" t="s">
        <v>49</v>
      </c>
      <c r="B26" s="17"/>
      <c r="C26" s="13">
        <v>11961</v>
      </c>
      <c r="D26" s="19">
        <v>6027</v>
      </c>
      <c r="E26" s="19">
        <v>5934</v>
      </c>
      <c r="F26" s="19"/>
      <c r="G26" s="18" t="s">
        <v>50</v>
      </c>
      <c r="H26" s="17"/>
      <c r="I26" s="13">
        <v>15220</v>
      </c>
      <c r="J26" s="19">
        <v>7563</v>
      </c>
      <c r="K26" s="19">
        <v>7657</v>
      </c>
    </row>
    <row r="27" spans="1:11" ht="15" customHeight="1">
      <c r="A27" s="17" t="s">
        <v>51</v>
      </c>
      <c r="B27" s="17"/>
      <c r="C27" s="13">
        <v>12699</v>
      </c>
      <c r="D27" s="19">
        <v>6468</v>
      </c>
      <c r="E27" s="19">
        <v>6231</v>
      </c>
      <c r="F27" s="19"/>
      <c r="G27" s="18" t="s">
        <v>52</v>
      </c>
      <c r="H27" s="17"/>
      <c r="I27" s="13">
        <v>16379</v>
      </c>
      <c r="J27" s="19">
        <v>8200</v>
      </c>
      <c r="K27" s="19">
        <v>8179</v>
      </c>
    </row>
    <row r="28" spans="1:11" ht="15" customHeight="1">
      <c r="A28" s="17" t="s">
        <v>53</v>
      </c>
      <c r="B28" s="17"/>
      <c r="C28" s="13">
        <v>13442</v>
      </c>
      <c r="D28" s="19">
        <v>6821</v>
      </c>
      <c r="E28" s="19">
        <v>6621</v>
      </c>
      <c r="F28" s="19"/>
      <c r="G28" s="18" t="s">
        <v>54</v>
      </c>
      <c r="H28" s="17"/>
      <c r="I28" s="13">
        <v>18325</v>
      </c>
      <c r="J28" s="19">
        <v>8928</v>
      </c>
      <c r="K28" s="19">
        <v>9397</v>
      </c>
    </row>
    <row r="29" spans="1:11" ht="20.100000000000001" customHeight="1">
      <c r="A29" s="17" t="s">
        <v>55</v>
      </c>
      <c r="B29" s="17"/>
      <c r="C29" s="13">
        <v>93092</v>
      </c>
      <c r="D29" s="14">
        <v>48326</v>
      </c>
      <c r="E29" s="14">
        <v>44766</v>
      </c>
      <c r="F29" s="14"/>
      <c r="G29" s="18" t="s">
        <v>56</v>
      </c>
      <c r="H29" s="17"/>
      <c r="I29" s="13">
        <v>71011</v>
      </c>
      <c r="J29" s="14">
        <v>34090</v>
      </c>
      <c r="K29" s="14">
        <v>36921</v>
      </c>
    </row>
    <row r="30" spans="1:11" ht="15" customHeight="1">
      <c r="A30" s="17" t="s">
        <v>57</v>
      </c>
      <c r="B30" s="17"/>
      <c r="C30" s="13">
        <v>14455</v>
      </c>
      <c r="D30" s="19">
        <v>7396</v>
      </c>
      <c r="E30" s="19">
        <v>7059</v>
      </c>
      <c r="F30" s="19"/>
      <c r="G30" s="18" t="s">
        <v>58</v>
      </c>
      <c r="H30" s="17"/>
      <c r="I30" s="13">
        <v>17958</v>
      </c>
      <c r="J30" s="19">
        <v>8824</v>
      </c>
      <c r="K30" s="19">
        <v>9134</v>
      </c>
    </row>
    <row r="31" spans="1:11" ht="15" customHeight="1">
      <c r="A31" s="17" t="s">
        <v>59</v>
      </c>
      <c r="B31" s="17"/>
      <c r="C31" s="13">
        <v>16293</v>
      </c>
      <c r="D31" s="19">
        <v>8433</v>
      </c>
      <c r="E31" s="19">
        <v>7860</v>
      </c>
      <c r="F31" s="19"/>
      <c r="G31" s="18" t="s">
        <v>60</v>
      </c>
      <c r="H31" s="17"/>
      <c r="I31" s="13">
        <v>17190</v>
      </c>
      <c r="J31" s="19">
        <v>8272</v>
      </c>
      <c r="K31" s="19">
        <v>8918</v>
      </c>
    </row>
    <row r="32" spans="1:11" ht="15" customHeight="1">
      <c r="A32" s="17" t="s">
        <v>61</v>
      </c>
      <c r="B32" s="17"/>
      <c r="C32" s="13">
        <v>18920</v>
      </c>
      <c r="D32" s="19">
        <v>9767</v>
      </c>
      <c r="E32" s="19">
        <v>9153</v>
      </c>
      <c r="F32" s="19"/>
      <c r="G32" s="18" t="s">
        <v>62</v>
      </c>
      <c r="H32" s="17"/>
      <c r="I32" s="13">
        <v>11981</v>
      </c>
      <c r="J32" s="19">
        <v>5753</v>
      </c>
      <c r="K32" s="19">
        <v>6228</v>
      </c>
    </row>
    <row r="33" spans="1:11" ht="15" customHeight="1">
      <c r="A33" s="17" t="s">
        <v>63</v>
      </c>
      <c r="B33" s="17"/>
      <c r="C33" s="13">
        <v>21255</v>
      </c>
      <c r="D33" s="19">
        <v>11232</v>
      </c>
      <c r="E33" s="19">
        <v>10023</v>
      </c>
      <c r="F33" s="19"/>
      <c r="G33" s="18" t="s">
        <v>64</v>
      </c>
      <c r="H33" s="17"/>
      <c r="I33" s="13">
        <v>10790</v>
      </c>
      <c r="J33" s="19">
        <v>5108</v>
      </c>
      <c r="K33" s="19">
        <v>5682</v>
      </c>
    </row>
    <row r="34" spans="1:11" ht="15" customHeight="1">
      <c r="A34" s="17" t="s">
        <v>65</v>
      </c>
      <c r="B34" s="17"/>
      <c r="C34" s="13">
        <v>22169</v>
      </c>
      <c r="D34" s="19">
        <v>11498</v>
      </c>
      <c r="E34" s="19">
        <v>10671</v>
      </c>
      <c r="F34" s="19"/>
      <c r="G34" s="18" t="s">
        <v>66</v>
      </c>
      <c r="H34" s="17"/>
      <c r="I34" s="13">
        <v>13092</v>
      </c>
      <c r="J34" s="19">
        <v>6133</v>
      </c>
      <c r="K34" s="19">
        <v>6959</v>
      </c>
    </row>
    <row r="35" spans="1:11" ht="20.100000000000001" customHeight="1">
      <c r="A35" s="17" t="s">
        <v>67</v>
      </c>
      <c r="B35" s="17"/>
      <c r="C35" s="13">
        <v>103229</v>
      </c>
      <c r="D35" s="14">
        <v>54634</v>
      </c>
      <c r="E35" s="14">
        <v>48595</v>
      </c>
      <c r="F35" s="14"/>
      <c r="G35" s="18" t="s">
        <v>68</v>
      </c>
      <c r="H35" s="17"/>
      <c r="I35" s="13">
        <v>60083</v>
      </c>
      <c r="J35" s="14">
        <v>27239</v>
      </c>
      <c r="K35" s="14">
        <v>32844</v>
      </c>
    </row>
    <row r="36" spans="1:11" ht="15" customHeight="1">
      <c r="A36" s="17" t="s">
        <v>69</v>
      </c>
      <c r="B36" s="17"/>
      <c r="C36" s="13">
        <v>21285</v>
      </c>
      <c r="D36" s="19">
        <v>11240</v>
      </c>
      <c r="E36" s="19">
        <v>10045</v>
      </c>
      <c r="F36" s="19"/>
      <c r="G36" s="18" t="s">
        <v>70</v>
      </c>
      <c r="H36" s="17"/>
      <c r="I36" s="13">
        <v>13719</v>
      </c>
      <c r="J36" s="19">
        <v>6386</v>
      </c>
      <c r="K36" s="19">
        <v>7333</v>
      </c>
    </row>
    <row r="37" spans="1:11" ht="15" customHeight="1">
      <c r="A37" s="17" t="s">
        <v>71</v>
      </c>
      <c r="B37" s="17"/>
      <c r="C37" s="13">
        <v>21034</v>
      </c>
      <c r="D37" s="19">
        <v>11348</v>
      </c>
      <c r="E37" s="19">
        <v>9686</v>
      </c>
      <c r="F37" s="19"/>
      <c r="G37" s="18" t="s">
        <v>72</v>
      </c>
      <c r="H37" s="17"/>
      <c r="I37" s="13">
        <v>12731</v>
      </c>
      <c r="J37" s="19">
        <v>5774</v>
      </c>
      <c r="K37" s="19">
        <v>6957</v>
      </c>
    </row>
    <row r="38" spans="1:11" ht="15" customHeight="1">
      <c r="A38" s="17" t="s">
        <v>73</v>
      </c>
      <c r="B38" s="17"/>
      <c r="C38" s="13">
        <v>20643</v>
      </c>
      <c r="D38" s="19">
        <v>10987</v>
      </c>
      <c r="E38" s="19">
        <v>9656</v>
      </c>
      <c r="F38" s="19"/>
      <c r="G38" s="18" t="s">
        <v>74</v>
      </c>
      <c r="H38" s="17"/>
      <c r="I38" s="13">
        <v>12654</v>
      </c>
      <c r="J38" s="19">
        <v>5756</v>
      </c>
      <c r="K38" s="19">
        <v>6898</v>
      </c>
    </row>
    <row r="39" spans="1:11" ht="15" customHeight="1">
      <c r="A39" s="17" t="s">
        <v>75</v>
      </c>
      <c r="B39" s="17"/>
      <c r="C39" s="13">
        <v>20101</v>
      </c>
      <c r="D39" s="19">
        <v>10569</v>
      </c>
      <c r="E39" s="19">
        <v>9532</v>
      </c>
      <c r="F39" s="19"/>
      <c r="G39" s="18" t="s">
        <v>76</v>
      </c>
      <c r="H39" s="17"/>
      <c r="I39" s="13">
        <v>11278</v>
      </c>
      <c r="J39" s="19">
        <v>5046</v>
      </c>
      <c r="K39" s="19">
        <v>6232</v>
      </c>
    </row>
    <row r="40" spans="1:11" ht="15" customHeight="1">
      <c r="A40" s="17" t="s">
        <v>77</v>
      </c>
      <c r="B40" s="17"/>
      <c r="C40" s="13">
        <v>20166</v>
      </c>
      <c r="D40" s="19">
        <v>10490</v>
      </c>
      <c r="E40" s="19">
        <v>9676</v>
      </c>
      <c r="F40" s="19"/>
      <c r="G40" s="18" t="s">
        <v>78</v>
      </c>
      <c r="H40" s="17"/>
      <c r="I40" s="13">
        <v>9701</v>
      </c>
      <c r="J40" s="19">
        <v>4277</v>
      </c>
      <c r="K40" s="19">
        <v>5424</v>
      </c>
    </row>
    <row r="41" spans="1:11" ht="20.100000000000001" customHeight="1">
      <c r="A41" s="17" t="s">
        <v>79</v>
      </c>
      <c r="B41" s="17"/>
      <c r="C41" s="13">
        <v>106464</v>
      </c>
      <c r="D41" s="14">
        <v>55498</v>
      </c>
      <c r="E41" s="14">
        <v>50966</v>
      </c>
      <c r="F41" s="14"/>
      <c r="G41" s="18" t="s">
        <v>80</v>
      </c>
      <c r="H41" s="17"/>
      <c r="I41" s="13">
        <v>43768</v>
      </c>
      <c r="J41" s="14">
        <v>17999</v>
      </c>
      <c r="K41" s="14">
        <v>25769</v>
      </c>
    </row>
    <row r="42" spans="1:11" ht="15" customHeight="1">
      <c r="A42" s="17" t="s">
        <v>81</v>
      </c>
      <c r="B42" s="17"/>
      <c r="C42" s="13">
        <v>20442</v>
      </c>
      <c r="D42" s="19">
        <v>10629</v>
      </c>
      <c r="E42" s="19">
        <v>9813</v>
      </c>
      <c r="F42" s="19"/>
      <c r="G42" s="18" t="s">
        <v>82</v>
      </c>
      <c r="H42" s="17"/>
      <c r="I42" s="13">
        <v>9297</v>
      </c>
      <c r="J42" s="19">
        <v>4010</v>
      </c>
      <c r="K42" s="19">
        <v>5287</v>
      </c>
    </row>
    <row r="43" spans="1:11" ht="15" customHeight="1">
      <c r="A43" s="17" t="s">
        <v>83</v>
      </c>
      <c r="B43" s="17"/>
      <c r="C43" s="13">
        <v>20753</v>
      </c>
      <c r="D43" s="19">
        <v>10790</v>
      </c>
      <c r="E43" s="19">
        <v>9963</v>
      </c>
      <c r="F43" s="19"/>
      <c r="G43" s="18" t="s">
        <v>84</v>
      </c>
      <c r="H43" s="17"/>
      <c r="I43" s="13">
        <v>9749</v>
      </c>
      <c r="J43" s="19">
        <v>4043</v>
      </c>
      <c r="K43" s="19">
        <v>5706</v>
      </c>
    </row>
    <row r="44" spans="1:11" ht="15" customHeight="1">
      <c r="A44" s="17" t="s">
        <v>85</v>
      </c>
      <c r="B44" s="17"/>
      <c r="C44" s="13">
        <v>21200</v>
      </c>
      <c r="D44" s="19">
        <v>11103</v>
      </c>
      <c r="E44" s="19">
        <v>10097</v>
      </c>
      <c r="F44" s="19"/>
      <c r="G44" s="18" t="s">
        <v>86</v>
      </c>
      <c r="H44" s="17"/>
      <c r="I44" s="13">
        <v>8821</v>
      </c>
      <c r="J44" s="19">
        <v>3708</v>
      </c>
      <c r="K44" s="19">
        <v>5113</v>
      </c>
    </row>
    <row r="45" spans="1:11" ht="15" customHeight="1">
      <c r="A45" s="17" t="s">
        <v>87</v>
      </c>
      <c r="B45" s="17"/>
      <c r="C45" s="13">
        <v>21729</v>
      </c>
      <c r="D45" s="19">
        <v>11291</v>
      </c>
      <c r="E45" s="19">
        <v>10438</v>
      </c>
      <c r="F45" s="19"/>
      <c r="G45" s="18" t="s">
        <v>88</v>
      </c>
      <c r="H45" s="17"/>
      <c r="I45" s="13">
        <v>8706</v>
      </c>
      <c r="J45" s="19">
        <v>3510</v>
      </c>
      <c r="K45" s="19">
        <v>5196</v>
      </c>
    </row>
    <row r="46" spans="1:11" ht="15" customHeight="1">
      <c r="A46" s="17" t="s">
        <v>89</v>
      </c>
      <c r="B46" s="17"/>
      <c r="C46" s="13">
        <v>22340</v>
      </c>
      <c r="D46" s="19">
        <v>11685</v>
      </c>
      <c r="E46" s="19">
        <v>10655</v>
      </c>
      <c r="F46" s="19"/>
      <c r="G46" s="18" t="s">
        <v>90</v>
      </c>
      <c r="H46" s="17"/>
      <c r="I46" s="13">
        <v>7195</v>
      </c>
      <c r="J46" s="19">
        <v>2728</v>
      </c>
      <c r="K46" s="19">
        <v>4467</v>
      </c>
    </row>
    <row r="47" spans="1:11" ht="20.100000000000001" customHeight="1">
      <c r="A47" s="17" t="s">
        <v>91</v>
      </c>
      <c r="B47" s="17"/>
      <c r="C47" s="13">
        <v>111494</v>
      </c>
      <c r="D47" s="14">
        <v>57848</v>
      </c>
      <c r="E47" s="14">
        <v>53646</v>
      </c>
      <c r="F47" s="14"/>
      <c r="G47" s="18" t="s">
        <v>92</v>
      </c>
      <c r="H47" s="17"/>
      <c r="I47" s="13">
        <v>27658</v>
      </c>
      <c r="J47" s="14">
        <v>9923</v>
      </c>
      <c r="K47" s="14">
        <v>17735</v>
      </c>
    </row>
    <row r="48" spans="1:11" ht="15" customHeight="1">
      <c r="A48" s="17" t="s">
        <v>93</v>
      </c>
      <c r="B48" s="17"/>
      <c r="C48" s="13">
        <v>22509</v>
      </c>
      <c r="D48" s="19">
        <v>11673</v>
      </c>
      <c r="E48" s="19">
        <v>10836</v>
      </c>
      <c r="F48" s="19"/>
      <c r="G48" s="18" t="s">
        <v>94</v>
      </c>
      <c r="H48" s="17"/>
      <c r="I48" s="13">
        <v>6898</v>
      </c>
      <c r="J48" s="19">
        <v>2680</v>
      </c>
      <c r="K48" s="19">
        <v>4218</v>
      </c>
    </row>
    <row r="49" spans="1:11" ht="15" customHeight="1">
      <c r="A49" s="17" t="s">
        <v>95</v>
      </c>
      <c r="B49" s="17"/>
      <c r="C49" s="13">
        <v>21804</v>
      </c>
      <c r="D49" s="19">
        <v>11331</v>
      </c>
      <c r="E49" s="19">
        <v>10473</v>
      </c>
      <c r="F49" s="19"/>
      <c r="G49" s="18" t="s">
        <v>96</v>
      </c>
      <c r="H49" s="17"/>
      <c r="I49" s="13">
        <v>6548</v>
      </c>
      <c r="J49" s="19">
        <v>2339</v>
      </c>
      <c r="K49" s="19">
        <v>4209</v>
      </c>
    </row>
    <row r="50" spans="1:11" ht="15" customHeight="1">
      <c r="A50" s="17" t="s">
        <v>97</v>
      </c>
      <c r="B50" s="17"/>
      <c r="C50" s="13">
        <v>21843</v>
      </c>
      <c r="D50" s="19">
        <v>11329</v>
      </c>
      <c r="E50" s="19">
        <v>10514</v>
      </c>
      <c r="F50" s="19"/>
      <c r="G50" s="18" t="s">
        <v>98</v>
      </c>
      <c r="H50" s="17"/>
      <c r="I50" s="13">
        <v>5502</v>
      </c>
      <c r="J50" s="19">
        <v>1975</v>
      </c>
      <c r="K50" s="19">
        <v>3527</v>
      </c>
    </row>
    <row r="51" spans="1:11" ht="15" customHeight="1">
      <c r="A51" s="17" t="s">
        <v>99</v>
      </c>
      <c r="B51" s="17"/>
      <c r="C51" s="13">
        <v>22178</v>
      </c>
      <c r="D51" s="19">
        <v>11464</v>
      </c>
      <c r="E51" s="19">
        <v>10714</v>
      </c>
      <c r="F51" s="19"/>
      <c r="G51" s="18" t="s">
        <v>100</v>
      </c>
      <c r="H51" s="17"/>
      <c r="I51" s="13">
        <v>4645</v>
      </c>
      <c r="J51" s="19">
        <v>1574</v>
      </c>
      <c r="K51" s="19">
        <v>3071</v>
      </c>
    </row>
    <row r="52" spans="1:11" ht="15" customHeight="1">
      <c r="A52" s="17" t="s">
        <v>101</v>
      </c>
      <c r="B52" s="17"/>
      <c r="C52" s="13">
        <v>23160</v>
      </c>
      <c r="D52" s="19">
        <v>12051</v>
      </c>
      <c r="E52" s="19">
        <v>11109</v>
      </c>
      <c r="F52" s="19"/>
      <c r="G52" s="18" t="s">
        <v>102</v>
      </c>
      <c r="H52" s="17"/>
      <c r="I52" s="13">
        <v>4065</v>
      </c>
      <c r="J52" s="19">
        <v>1355</v>
      </c>
      <c r="K52" s="19">
        <v>2710</v>
      </c>
    </row>
    <row r="53" spans="1:11" ht="20.100000000000001" customHeight="1">
      <c r="A53" s="17" t="s">
        <v>103</v>
      </c>
      <c r="B53" s="17"/>
      <c r="C53" s="13">
        <v>122196</v>
      </c>
      <c r="D53" s="14">
        <v>63496</v>
      </c>
      <c r="E53" s="14">
        <v>58700</v>
      </c>
      <c r="F53" s="14"/>
      <c r="G53" s="18" t="s">
        <v>104</v>
      </c>
      <c r="H53" s="17"/>
      <c r="I53" s="13">
        <v>12388</v>
      </c>
      <c r="J53" s="14">
        <v>3595</v>
      </c>
      <c r="K53" s="14">
        <v>8793</v>
      </c>
    </row>
    <row r="54" spans="1:11" ht="15" customHeight="1">
      <c r="A54" s="17" t="s">
        <v>105</v>
      </c>
      <c r="B54" s="17"/>
      <c r="C54" s="13">
        <v>23555</v>
      </c>
      <c r="D54" s="19">
        <v>12204</v>
      </c>
      <c r="E54" s="19">
        <v>11351</v>
      </c>
      <c r="F54" s="19"/>
      <c r="G54" s="18" t="s">
        <v>106</v>
      </c>
      <c r="H54" s="17"/>
      <c r="I54" s="13">
        <v>3606</v>
      </c>
      <c r="J54" s="19">
        <v>1059</v>
      </c>
      <c r="K54" s="19">
        <v>2547</v>
      </c>
    </row>
    <row r="55" spans="1:11" ht="15" customHeight="1">
      <c r="A55" s="17" t="s">
        <v>107</v>
      </c>
      <c r="B55" s="17"/>
      <c r="C55" s="13">
        <v>23618</v>
      </c>
      <c r="D55" s="19">
        <v>12165</v>
      </c>
      <c r="E55" s="19">
        <v>11453</v>
      </c>
      <c r="F55" s="19"/>
      <c r="G55" s="18" t="s">
        <v>108</v>
      </c>
      <c r="H55" s="17"/>
      <c r="I55" s="13">
        <v>2936</v>
      </c>
      <c r="J55" s="19">
        <v>877</v>
      </c>
      <c r="K55" s="19">
        <v>2059</v>
      </c>
    </row>
    <row r="56" spans="1:11" ht="15" customHeight="1">
      <c r="A56" s="17" t="s">
        <v>109</v>
      </c>
      <c r="B56" s="17"/>
      <c r="C56" s="13">
        <v>24261</v>
      </c>
      <c r="D56" s="19">
        <v>12611</v>
      </c>
      <c r="E56" s="19">
        <v>11650</v>
      </c>
      <c r="F56" s="19"/>
      <c r="G56" s="18" t="s">
        <v>110</v>
      </c>
      <c r="H56" s="17"/>
      <c r="I56" s="13">
        <v>2419</v>
      </c>
      <c r="J56" s="19">
        <v>748</v>
      </c>
      <c r="K56" s="19">
        <v>1671</v>
      </c>
    </row>
    <row r="57" spans="1:11" ht="15" customHeight="1">
      <c r="A57" s="17" t="s">
        <v>111</v>
      </c>
      <c r="B57" s="17"/>
      <c r="C57" s="13">
        <v>24577</v>
      </c>
      <c r="D57" s="19">
        <v>12839</v>
      </c>
      <c r="E57" s="19">
        <v>11738</v>
      </c>
      <c r="F57" s="19"/>
      <c r="G57" s="18" t="s">
        <v>112</v>
      </c>
      <c r="H57" s="17"/>
      <c r="I57" s="13">
        <v>1989</v>
      </c>
      <c r="J57" s="19">
        <v>570</v>
      </c>
      <c r="K57" s="19">
        <v>1419</v>
      </c>
    </row>
    <row r="58" spans="1:11" ht="15" customHeight="1">
      <c r="A58" s="17" t="s">
        <v>113</v>
      </c>
      <c r="B58" s="17"/>
      <c r="C58" s="13">
        <v>26185</v>
      </c>
      <c r="D58" s="19">
        <v>13677</v>
      </c>
      <c r="E58" s="19">
        <v>12508</v>
      </c>
      <c r="F58" s="19"/>
      <c r="G58" s="18" t="s">
        <v>114</v>
      </c>
      <c r="H58" s="17"/>
      <c r="I58" s="13">
        <v>1438</v>
      </c>
      <c r="J58" s="19">
        <v>341</v>
      </c>
      <c r="K58" s="19">
        <v>1097</v>
      </c>
    </row>
    <row r="59" spans="1:11" ht="20.100000000000001" customHeight="1">
      <c r="A59" s="17" t="s">
        <v>115</v>
      </c>
      <c r="B59" s="17"/>
      <c r="C59" s="13">
        <v>129188</v>
      </c>
      <c r="D59" s="14">
        <v>66955</v>
      </c>
      <c r="E59" s="14">
        <v>62233</v>
      </c>
      <c r="F59" s="14"/>
      <c r="G59" s="18" t="s">
        <v>116</v>
      </c>
      <c r="H59" s="17"/>
      <c r="I59" s="13">
        <v>3381</v>
      </c>
      <c r="J59" s="14">
        <v>672</v>
      </c>
      <c r="K59" s="14">
        <v>2709</v>
      </c>
    </row>
    <row r="60" spans="1:11" ht="15" customHeight="1">
      <c r="A60" s="17" t="s">
        <v>117</v>
      </c>
      <c r="B60" s="17"/>
      <c r="C60" s="13">
        <v>26584</v>
      </c>
      <c r="D60" s="19">
        <v>13935</v>
      </c>
      <c r="E60" s="19">
        <v>12649</v>
      </c>
      <c r="F60" s="19"/>
      <c r="G60" s="18" t="s">
        <v>118</v>
      </c>
      <c r="H60" s="17"/>
      <c r="I60" s="13">
        <v>1152</v>
      </c>
      <c r="J60" s="19">
        <v>263</v>
      </c>
      <c r="K60" s="19">
        <v>889</v>
      </c>
    </row>
    <row r="61" spans="1:11" ht="15" customHeight="1">
      <c r="A61" s="17" t="s">
        <v>119</v>
      </c>
      <c r="B61" s="17"/>
      <c r="C61" s="13">
        <v>26343</v>
      </c>
      <c r="D61" s="19">
        <v>13544</v>
      </c>
      <c r="E61" s="19">
        <v>12799</v>
      </c>
      <c r="F61" s="19"/>
      <c r="G61" s="18" t="s">
        <v>120</v>
      </c>
      <c r="H61" s="17"/>
      <c r="I61" s="13">
        <v>907</v>
      </c>
      <c r="J61" s="19">
        <v>190</v>
      </c>
      <c r="K61" s="19">
        <v>717</v>
      </c>
    </row>
    <row r="62" spans="1:11" ht="15" customHeight="1">
      <c r="A62" s="17" t="s">
        <v>121</v>
      </c>
      <c r="B62" s="17"/>
      <c r="C62" s="13">
        <v>25891</v>
      </c>
      <c r="D62" s="19">
        <v>13113</v>
      </c>
      <c r="E62" s="19">
        <v>12778</v>
      </c>
      <c r="F62" s="19"/>
      <c r="G62" s="18" t="s">
        <v>122</v>
      </c>
      <c r="H62" s="17"/>
      <c r="I62" s="13">
        <v>596</v>
      </c>
      <c r="J62" s="19">
        <v>102</v>
      </c>
      <c r="K62" s="19">
        <v>494</v>
      </c>
    </row>
    <row r="63" spans="1:11" ht="15" customHeight="1">
      <c r="A63" s="17" t="s">
        <v>123</v>
      </c>
      <c r="B63" s="17"/>
      <c r="C63" s="13">
        <v>25456</v>
      </c>
      <c r="D63" s="19">
        <v>13278</v>
      </c>
      <c r="E63" s="19">
        <v>12178</v>
      </c>
      <c r="F63" s="19"/>
      <c r="G63" s="18" t="s">
        <v>124</v>
      </c>
      <c r="H63" s="17"/>
      <c r="I63" s="13">
        <v>426</v>
      </c>
      <c r="J63" s="19">
        <v>66</v>
      </c>
      <c r="K63" s="19">
        <v>360</v>
      </c>
    </row>
    <row r="64" spans="1:11" ht="15" customHeight="1">
      <c r="A64" s="17" t="s">
        <v>125</v>
      </c>
      <c r="B64" s="17"/>
      <c r="C64" s="13">
        <v>24914</v>
      </c>
      <c r="D64" s="19">
        <v>13085</v>
      </c>
      <c r="E64" s="19">
        <v>11829</v>
      </c>
      <c r="F64" s="19"/>
      <c r="G64" s="18" t="s">
        <v>126</v>
      </c>
      <c r="H64" s="17"/>
      <c r="I64" s="13">
        <v>300</v>
      </c>
      <c r="J64" s="19">
        <v>51</v>
      </c>
      <c r="K64" s="19">
        <v>24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26</v>
      </c>
      <c r="J65" s="19">
        <v>113</v>
      </c>
      <c r="K65" s="19">
        <v>51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8620</v>
      </c>
      <c r="J66" s="29">
        <v>21361</v>
      </c>
      <c r="K66" s="29">
        <v>17259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1" pageOrder="overThenDown" orientation="portrait" blackAndWhite="1" useFirstPageNumber="1" horizontalDpi="300" verticalDpi="300"/>
  <headerFooter scaleWithDoc="0"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1633</v>
      </c>
      <c r="D4" s="14">
        <v>124449</v>
      </c>
      <c r="E4" s="14">
        <v>10718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798</v>
      </c>
      <c r="D5" s="14">
        <v>4540</v>
      </c>
      <c r="E5" s="14">
        <v>4258</v>
      </c>
      <c r="F5" s="14"/>
      <c r="G5" s="18" t="s">
        <v>8</v>
      </c>
      <c r="H5" s="17"/>
      <c r="I5" s="13">
        <v>15794</v>
      </c>
      <c r="J5" s="14">
        <v>8874</v>
      </c>
      <c r="K5" s="14">
        <v>6920</v>
      </c>
    </row>
    <row r="6" spans="1:11" ht="15" customHeight="1">
      <c r="A6" s="17" t="s">
        <v>9</v>
      </c>
      <c r="B6" s="17"/>
      <c r="C6" s="13">
        <v>1714</v>
      </c>
      <c r="D6" s="19">
        <v>887</v>
      </c>
      <c r="E6" s="19">
        <v>827</v>
      </c>
      <c r="F6" s="19"/>
      <c r="G6" s="18" t="s">
        <v>10</v>
      </c>
      <c r="H6" s="17"/>
      <c r="I6" s="13">
        <v>3594</v>
      </c>
      <c r="J6" s="19">
        <v>2039</v>
      </c>
      <c r="K6" s="19">
        <v>1555</v>
      </c>
    </row>
    <row r="7" spans="1:11" ht="15" customHeight="1">
      <c r="A7" s="17" t="s">
        <v>11</v>
      </c>
      <c r="B7" s="17"/>
      <c r="C7" s="13">
        <v>1813</v>
      </c>
      <c r="D7" s="19">
        <v>931</v>
      </c>
      <c r="E7" s="19">
        <v>882</v>
      </c>
      <c r="F7" s="19"/>
      <c r="G7" s="18" t="s">
        <v>12</v>
      </c>
      <c r="H7" s="17"/>
      <c r="I7" s="13">
        <v>3428</v>
      </c>
      <c r="J7" s="19">
        <v>1903</v>
      </c>
      <c r="K7" s="19">
        <v>1525</v>
      </c>
    </row>
    <row r="8" spans="1:11" ht="15" customHeight="1">
      <c r="A8" s="17" t="s">
        <v>13</v>
      </c>
      <c r="B8" s="17"/>
      <c r="C8" s="13">
        <v>1820</v>
      </c>
      <c r="D8" s="19">
        <v>967</v>
      </c>
      <c r="E8" s="19">
        <v>853</v>
      </c>
      <c r="F8" s="19"/>
      <c r="G8" s="18" t="s">
        <v>14</v>
      </c>
      <c r="H8" s="17"/>
      <c r="I8" s="13">
        <v>2562</v>
      </c>
      <c r="J8" s="19">
        <v>1473</v>
      </c>
      <c r="K8" s="19">
        <v>1089</v>
      </c>
    </row>
    <row r="9" spans="1:11" ht="15" customHeight="1">
      <c r="A9" s="17" t="s">
        <v>15</v>
      </c>
      <c r="B9" s="17"/>
      <c r="C9" s="13">
        <v>1767</v>
      </c>
      <c r="D9" s="19">
        <v>902</v>
      </c>
      <c r="E9" s="19">
        <v>865</v>
      </c>
      <c r="F9" s="19"/>
      <c r="G9" s="18" t="s">
        <v>16</v>
      </c>
      <c r="H9" s="17"/>
      <c r="I9" s="13">
        <v>3228</v>
      </c>
      <c r="J9" s="19">
        <v>1807</v>
      </c>
      <c r="K9" s="19">
        <v>1421</v>
      </c>
    </row>
    <row r="10" spans="1:11" ht="15" customHeight="1">
      <c r="A10" s="17" t="s">
        <v>17</v>
      </c>
      <c r="B10" s="17"/>
      <c r="C10" s="13">
        <v>1684</v>
      </c>
      <c r="D10" s="19">
        <v>853</v>
      </c>
      <c r="E10" s="19">
        <v>831</v>
      </c>
      <c r="F10" s="19"/>
      <c r="G10" s="18" t="s">
        <v>18</v>
      </c>
      <c r="H10" s="17"/>
      <c r="I10" s="13">
        <v>2982</v>
      </c>
      <c r="J10" s="19">
        <v>1652</v>
      </c>
      <c r="K10" s="19">
        <v>1330</v>
      </c>
    </row>
    <row r="11" spans="1:11" ht="20.100000000000001" customHeight="1">
      <c r="A11" s="17" t="s">
        <v>19</v>
      </c>
      <c r="B11" s="17"/>
      <c r="C11" s="13">
        <v>8569</v>
      </c>
      <c r="D11" s="14">
        <v>4408</v>
      </c>
      <c r="E11" s="14">
        <v>4161</v>
      </c>
      <c r="F11" s="14"/>
      <c r="G11" s="18" t="s">
        <v>20</v>
      </c>
      <c r="H11" s="17"/>
      <c r="I11" s="13">
        <v>13186</v>
      </c>
      <c r="J11" s="14">
        <v>7363</v>
      </c>
      <c r="K11" s="14">
        <v>5823</v>
      </c>
    </row>
    <row r="12" spans="1:11" ht="15" customHeight="1">
      <c r="A12" s="17" t="s">
        <v>21</v>
      </c>
      <c r="B12" s="17"/>
      <c r="C12" s="13">
        <v>1766</v>
      </c>
      <c r="D12" s="19">
        <v>938</v>
      </c>
      <c r="E12" s="19">
        <v>828</v>
      </c>
      <c r="F12" s="19"/>
      <c r="G12" s="18" t="s">
        <v>22</v>
      </c>
      <c r="H12" s="17"/>
      <c r="I12" s="13">
        <v>2885</v>
      </c>
      <c r="J12" s="19">
        <v>1619</v>
      </c>
      <c r="K12" s="19">
        <v>1266</v>
      </c>
    </row>
    <row r="13" spans="1:11" ht="15" customHeight="1">
      <c r="A13" s="17" t="s">
        <v>23</v>
      </c>
      <c r="B13" s="17"/>
      <c r="C13" s="13">
        <v>1747</v>
      </c>
      <c r="D13" s="19">
        <v>903</v>
      </c>
      <c r="E13" s="19">
        <v>844</v>
      </c>
      <c r="F13" s="19"/>
      <c r="G13" s="18" t="s">
        <v>24</v>
      </c>
      <c r="H13" s="17"/>
      <c r="I13" s="13">
        <v>2712</v>
      </c>
      <c r="J13" s="19">
        <v>1507</v>
      </c>
      <c r="K13" s="19">
        <v>1205</v>
      </c>
    </row>
    <row r="14" spans="1:11" ht="15" customHeight="1">
      <c r="A14" s="17" t="s">
        <v>25</v>
      </c>
      <c r="B14" s="17"/>
      <c r="C14" s="13">
        <v>1658</v>
      </c>
      <c r="D14" s="19">
        <v>838</v>
      </c>
      <c r="E14" s="19">
        <v>820</v>
      </c>
      <c r="F14" s="19"/>
      <c r="G14" s="18" t="s">
        <v>26</v>
      </c>
      <c r="H14" s="17"/>
      <c r="I14" s="13">
        <v>2624</v>
      </c>
      <c r="J14" s="19">
        <v>1488</v>
      </c>
      <c r="K14" s="19">
        <v>1136</v>
      </c>
    </row>
    <row r="15" spans="1:11" ht="15" customHeight="1">
      <c r="A15" s="17" t="s">
        <v>27</v>
      </c>
      <c r="B15" s="17"/>
      <c r="C15" s="13">
        <v>1737</v>
      </c>
      <c r="D15" s="19">
        <v>861</v>
      </c>
      <c r="E15" s="19">
        <v>876</v>
      </c>
      <c r="F15" s="19"/>
      <c r="G15" s="18" t="s">
        <v>28</v>
      </c>
      <c r="H15" s="17"/>
      <c r="I15" s="13">
        <v>2539</v>
      </c>
      <c r="J15" s="19">
        <v>1424</v>
      </c>
      <c r="K15" s="19">
        <v>1115</v>
      </c>
    </row>
    <row r="16" spans="1:11" ht="15" customHeight="1">
      <c r="A16" s="17" t="s">
        <v>29</v>
      </c>
      <c r="B16" s="17"/>
      <c r="C16" s="13">
        <v>1661</v>
      </c>
      <c r="D16" s="19">
        <v>868</v>
      </c>
      <c r="E16" s="19">
        <v>793</v>
      </c>
      <c r="F16" s="19"/>
      <c r="G16" s="18" t="s">
        <v>30</v>
      </c>
      <c r="H16" s="17"/>
      <c r="I16" s="13">
        <v>2426</v>
      </c>
      <c r="J16" s="19">
        <v>1325</v>
      </c>
      <c r="K16" s="19">
        <v>1101</v>
      </c>
    </row>
    <row r="17" spans="1:11" ht="20.100000000000001" customHeight="1">
      <c r="A17" s="20" t="s">
        <v>31</v>
      </c>
      <c r="B17" s="20"/>
      <c r="C17" s="13">
        <v>8572</v>
      </c>
      <c r="D17" s="14">
        <v>4337</v>
      </c>
      <c r="E17" s="14">
        <v>4235</v>
      </c>
      <c r="F17" s="14"/>
      <c r="G17" s="18" t="s">
        <v>32</v>
      </c>
      <c r="H17" s="17"/>
      <c r="I17" s="13">
        <v>11860</v>
      </c>
      <c r="J17" s="14">
        <v>6587</v>
      </c>
      <c r="K17" s="14">
        <v>5273</v>
      </c>
    </row>
    <row r="18" spans="1:11" ht="15" customHeight="1">
      <c r="A18" s="17" t="s">
        <v>33</v>
      </c>
      <c r="B18" s="17"/>
      <c r="C18" s="13">
        <v>1732</v>
      </c>
      <c r="D18" s="19">
        <v>881</v>
      </c>
      <c r="E18" s="19">
        <v>851</v>
      </c>
      <c r="F18" s="19"/>
      <c r="G18" s="18" t="s">
        <v>34</v>
      </c>
      <c r="H18" s="17"/>
      <c r="I18" s="13">
        <v>2424</v>
      </c>
      <c r="J18" s="19">
        <v>1299</v>
      </c>
      <c r="K18" s="19">
        <v>1125</v>
      </c>
    </row>
    <row r="19" spans="1:11" ht="15" customHeight="1">
      <c r="A19" s="17" t="s">
        <v>35</v>
      </c>
      <c r="B19" s="17"/>
      <c r="C19" s="13">
        <v>1811</v>
      </c>
      <c r="D19" s="19">
        <v>901</v>
      </c>
      <c r="E19" s="19">
        <v>910</v>
      </c>
      <c r="F19" s="19"/>
      <c r="G19" s="18" t="s">
        <v>36</v>
      </c>
      <c r="H19" s="17"/>
      <c r="I19" s="13">
        <v>2306</v>
      </c>
      <c r="J19" s="19">
        <v>1298</v>
      </c>
      <c r="K19" s="19">
        <v>1008</v>
      </c>
    </row>
    <row r="20" spans="1:11" ht="15" customHeight="1">
      <c r="A20" s="17" t="s">
        <v>37</v>
      </c>
      <c r="B20" s="17"/>
      <c r="C20" s="13">
        <v>1718</v>
      </c>
      <c r="D20" s="19">
        <v>880</v>
      </c>
      <c r="E20" s="19">
        <v>838</v>
      </c>
      <c r="F20" s="19"/>
      <c r="G20" s="18" t="s">
        <v>38</v>
      </c>
      <c r="H20" s="17"/>
      <c r="I20" s="13">
        <v>2381</v>
      </c>
      <c r="J20" s="19">
        <v>1332</v>
      </c>
      <c r="K20" s="19">
        <v>1049</v>
      </c>
    </row>
    <row r="21" spans="1:11" ht="15" customHeight="1">
      <c r="A21" s="17" t="s">
        <v>39</v>
      </c>
      <c r="B21" s="17"/>
      <c r="C21" s="13">
        <v>1626</v>
      </c>
      <c r="D21" s="19">
        <v>817</v>
      </c>
      <c r="E21" s="19">
        <v>809</v>
      </c>
      <c r="F21" s="19"/>
      <c r="G21" s="18" t="s">
        <v>40</v>
      </c>
      <c r="H21" s="17"/>
      <c r="I21" s="13">
        <v>2419</v>
      </c>
      <c r="J21" s="19">
        <v>1384</v>
      </c>
      <c r="K21" s="19">
        <v>1035</v>
      </c>
    </row>
    <row r="22" spans="1:11" ht="15" customHeight="1">
      <c r="A22" s="17" t="s">
        <v>41</v>
      </c>
      <c r="B22" s="17"/>
      <c r="C22" s="13">
        <v>1685</v>
      </c>
      <c r="D22" s="19">
        <v>858</v>
      </c>
      <c r="E22" s="19">
        <v>827</v>
      </c>
      <c r="F22" s="19"/>
      <c r="G22" s="18" t="s">
        <v>42</v>
      </c>
      <c r="H22" s="17"/>
      <c r="I22" s="13">
        <v>2330</v>
      </c>
      <c r="J22" s="19">
        <v>1274</v>
      </c>
      <c r="K22" s="19">
        <v>1056</v>
      </c>
    </row>
    <row r="23" spans="1:11" ht="20.100000000000001" customHeight="1">
      <c r="A23" s="17" t="s">
        <v>43</v>
      </c>
      <c r="B23" s="17"/>
      <c r="C23" s="13">
        <v>8870</v>
      </c>
      <c r="D23" s="14">
        <v>4578</v>
      </c>
      <c r="E23" s="14">
        <v>4292</v>
      </c>
      <c r="F23" s="14"/>
      <c r="G23" s="18" t="s">
        <v>44</v>
      </c>
      <c r="H23" s="17"/>
      <c r="I23" s="13">
        <v>14007</v>
      </c>
      <c r="J23" s="14">
        <v>7671</v>
      </c>
      <c r="K23" s="14">
        <v>6336</v>
      </c>
    </row>
    <row r="24" spans="1:11" ht="15" customHeight="1">
      <c r="A24" s="17" t="s">
        <v>45</v>
      </c>
      <c r="B24" s="17"/>
      <c r="C24" s="13">
        <v>1671</v>
      </c>
      <c r="D24" s="19">
        <v>866</v>
      </c>
      <c r="E24" s="19">
        <v>805</v>
      </c>
      <c r="F24" s="19"/>
      <c r="G24" s="18" t="s">
        <v>46</v>
      </c>
      <c r="H24" s="17"/>
      <c r="I24" s="13">
        <v>2493</v>
      </c>
      <c r="J24" s="19">
        <v>1357</v>
      </c>
      <c r="K24" s="19">
        <v>1136</v>
      </c>
    </row>
    <row r="25" spans="1:11" ht="15" customHeight="1">
      <c r="A25" s="17" t="s">
        <v>47</v>
      </c>
      <c r="B25" s="17"/>
      <c r="C25" s="13">
        <v>1700</v>
      </c>
      <c r="D25" s="19">
        <v>841</v>
      </c>
      <c r="E25" s="19">
        <v>859</v>
      </c>
      <c r="F25" s="19"/>
      <c r="G25" s="18" t="s">
        <v>48</v>
      </c>
      <c r="H25" s="17"/>
      <c r="I25" s="13">
        <v>2744</v>
      </c>
      <c r="J25" s="19">
        <v>1523</v>
      </c>
      <c r="K25" s="19">
        <v>1221</v>
      </c>
    </row>
    <row r="26" spans="1:11" ht="15" customHeight="1">
      <c r="A26" s="17" t="s">
        <v>49</v>
      </c>
      <c r="B26" s="17"/>
      <c r="C26" s="13">
        <v>1747</v>
      </c>
      <c r="D26" s="19">
        <v>899</v>
      </c>
      <c r="E26" s="19">
        <v>848</v>
      </c>
      <c r="F26" s="19"/>
      <c r="G26" s="18" t="s">
        <v>50</v>
      </c>
      <c r="H26" s="17"/>
      <c r="I26" s="13">
        <v>2754</v>
      </c>
      <c r="J26" s="19">
        <v>1525</v>
      </c>
      <c r="K26" s="19">
        <v>1229</v>
      </c>
    </row>
    <row r="27" spans="1:11" ht="15" customHeight="1">
      <c r="A27" s="17" t="s">
        <v>51</v>
      </c>
      <c r="B27" s="17"/>
      <c r="C27" s="13">
        <v>1713</v>
      </c>
      <c r="D27" s="19">
        <v>885</v>
      </c>
      <c r="E27" s="19">
        <v>828</v>
      </c>
      <c r="F27" s="19"/>
      <c r="G27" s="18" t="s">
        <v>52</v>
      </c>
      <c r="H27" s="17"/>
      <c r="I27" s="13">
        <v>2841</v>
      </c>
      <c r="J27" s="19">
        <v>1586</v>
      </c>
      <c r="K27" s="19">
        <v>1255</v>
      </c>
    </row>
    <row r="28" spans="1:11" ht="15" customHeight="1">
      <c r="A28" s="17" t="s">
        <v>53</v>
      </c>
      <c r="B28" s="17"/>
      <c r="C28" s="13">
        <v>2039</v>
      </c>
      <c r="D28" s="19">
        <v>1087</v>
      </c>
      <c r="E28" s="19">
        <v>952</v>
      </c>
      <c r="F28" s="19"/>
      <c r="G28" s="18" t="s">
        <v>54</v>
      </c>
      <c r="H28" s="17"/>
      <c r="I28" s="13">
        <v>3175</v>
      </c>
      <c r="J28" s="19">
        <v>1680</v>
      </c>
      <c r="K28" s="19">
        <v>1495</v>
      </c>
    </row>
    <row r="29" spans="1:11" ht="20.100000000000001" customHeight="1">
      <c r="A29" s="17" t="s">
        <v>55</v>
      </c>
      <c r="B29" s="17"/>
      <c r="C29" s="13">
        <v>13926</v>
      </c>
      <c r="D29" s="14">
        <v>7682</v>
      </c>
      <c r="E29" s="14">
        <v>6244</v>
      </c>
      <c r="F29" s="14"/>
      <c r="G29" s="18" t="s">
        <v>56</v>
      </c>
      <c r="H29" s="17"/>
      <c r="I29" s="13">
        <v>11980</v>
      </c>
      <c r="J29" s="14">
        <v>6236</v>
      </c>
      <c r="K29" s="14">
        <v>5744</v>
      </c>
    </row>
    <row r="30" spans="1:11" ht="15" customHeight="1">
      <c r="A30" s="17" t="s">
        <v>57</v>
      </c>
      <c r="B30" s="17"/>
      <c r="C30" s="13">
        <v>2236</v>
      </c>
      <c r="D30" s="19">
        <v>1215</v>
      </c>
      <c r="E30" s="19">
        <v>1021</v>
      </c>
      <c r="F30" s="19"/>
      <c r="G30" s="18" t="s">
        <v>58</v>
      </c>
      <c r="H30" s="17"/>
      <c r="I30" s="13">
        <v>3014</v>
      </c>
      <c r="J30" s="19">
        <v>1611</v>
      </c>
      <c r="K30" s="19">
        <v>1403</v>
      </c>
    </row>
    <row r="31" spans="1:11" ht="15" customHeight="1">
      <c r="A31" s="17" t="s">
        <v>59</v>
      </c>
      <c r="B31" s="17"/>
      <c r="C31" s="13">
        <v>2383</v>
      </c>
      <c r="D31" s="19">
        <v>1297</v>
      </c>
      <c r="E31" s="19">
        <v>1086</v>
      </c>
      <c r="F31" s="19"/>
      <c r="G31" s="18" t="s">
        <v>60</v>
      </c>
      <c r="H31" s="17"/>
      <c r="I31" s="13">
        <v>2967</v>
      </c>
      <c r="J31" s="19">
        <v>1541</v>
      </c>
      <c r="K31" s="19">
        <v>1426</v>
      </c>
    </row>
    <row r="32" spans="1:11" ht="15" customHeight="1">
      <c r="A32" s="17" t="s">
        <v>61</v>
      </c>
      <c r="B32" s="17"/>
      <c r="C32" s="13">
        <v>2647</v>
      </c>
      <c r="D32" s="19">
        <v>1442</v>
      </c>
      <c r="E32" s="19">
        <v>1205</v>
      </c>
      <c r="F32" s="19"/>
      <c r="G32" s="18" t="s">
        <v>62</v>
      </c>
      <c r="H32" s="17"/>
      <c r="I32" s="13">
        <v>2024</v>
      </c>
      <c r="J32" s="19">
        <v>1033</v>
      </c>
      <c r="K32" s="19">
        <v>991</v>
      </c>
    </row>
    <row r="33" spans="1:11" ht="15" customHeight="1">
      <c r="A33" s="17" t="s">
        <v>63</v>
      </c>
      <c r="B33" s="17"/>
      <c r="C33" s="13">
        <v>3140</v>
      </c>
      <c r="D33" s="19">
        <v>1760</v>
      </c>
      <c r="E33" s="19">
        <v>1380</v>
      </c>
      <c r="F33" s="19"/>
      <c r="G33" s="18" t="s">
        <v>64</v>
      </c>
      <c r="H33" s="17"/>
      <c r="I33" s="13">
        <v>1833</v>
      </c>
      <c r="J33" s="19">
        <v>961</v>
      </c>
      <c r="K33" s="19">
        <v>872</v>
      </c>
    </row>
    <row r="34" spans="1:11" ht="15" customHeight="1">
      <c r="A34" s="17" t="s">
        <v>65</v>
      </c>
      <c r="B34" s="17"/>
      <c r="C34" s="13">
        <v>3520</v>
      </c>
      <c r="D34" s="19">
        <v>1968</v>
      </c>
      <c r="E34" s="19">
        <v>1552</v>
      </c>
      <c r="F34" s="19"/>
      <c r="G34" s="18" t="s">
        <v>66</v>
      </c>
      <c r="H34" s="17"/>
      <c r="I34" s="13">
        <v>2142</v>
      </c>
      <c r="J34" s="19">
        <v>1090</v>
      </c>
      <c r="K34" s="19">
        <v>1052</v>
      </c>
    </row>
    <row r="35" spans="1:11" ht="20.100000000000001" customHeight="1">
      <c r="A35" s="17" t="s">
        <v>67</v>
      </c>
      <c r="B35" s="17"/>
      <c r="C35" s="13">
        <v>17102</v>
      </c>
      <c r="D35" s="14">
        <v>9920</v>
      </c>
      <c r="E35" s="14">
        <v>7182</v>
      </c>
      <c r="F35" s="14"/>
      <c r="G35" s="18" t="s">
        <v>68</v>
      </c>
      <c r="H35" s="17"/>
      <c r="I35" s="13">
        <v>10188</v>
      </c>
      <c r="J35" s="14">
        <v>4884</v>
      </c>
      <c r="K35" s="14">
        <v>5304</v>
      </c>
    </row>
    <row r="36" spans="1:11" ht="15" customHeight="1">
      <c r="A36" s="17" t="s">
        <v>69</v>
      </c>
      <c r="B36" s="17"/>
      <c r="C36" s="13">
        <v>3351</v>
      </c>
      <c r="D36" s="19">
        <v>1910</v>
      </c>
      <c r="E36" s="19">
        <v>1441</v>
      </c>
      <c r="F36" s="19"/>
      <c r="G36" s="18" t="s">
        <v>70</v>
      </c>
      <c r="H36" s="17"/>
      <c r="I36" s="13">
        <v>2372</v>
      </c>
      <c r="J36" s="19">
        <v>1233</v>
      </c>
      <c r="K36" s="19">
        <v>1139</v>
      </c>
    </row>
    <row r="37" spans="1:11" ht="15" customHeight="1">
      <c r="A37" s="17" t="s">
        <v>71</v>
      </c>
      <c r="B37" s="17"/>
      <c r="C37" s="13">
        <v>3538</v>
      </c>
      <c r="D37" s="19">
        <v>2012</v>
      </c>
      <c r="E37" s="19">
        <v>1526</v>
      </c>
      <c r="F37" s="19"/>
      <c r="G37" s="18" t="s">
        <v>72</v>
      </c>
      <c r="H37" s="17"/>
      <c r="I37" s="13">
        <v>2165</v>
      </c>
      <c r="J37" s="19">
        <v>1041</v>
      </c>
      <c r="K37" s="19">
        <v>1124</v>
      </c>
    </row>
    <row r="38" spans="1:11" ht="15" customHeight="1">
      <c r="A38" s="17" t="s">
        <v>73</v>
      </c>
      <c r="B38" s="17"/>
      <c r="C38" s="13">
        <v>3490</v>
      </c>
      <c r="D38" s="19">
        <v>2078</v>
      </c>
      <c r="E38" s="19">
        <v>1412</v>
      </c>
      <c r="F38" s="19"/>
      <c r="G38" s="18" t="s">
        <v>74</v>
      </c>
      <c r="H38" s="17"/>
      <c r="I38" s="13">
        <v>2158</v>
      </c>
      <c r="J38" s="19">
        <v>1020</v>
      </c>
      <c r="K38" s="19">
        <v>1138</v>
      </c>
    </row>
    <row r="39" spans="1:11" ht="15" customHeight="1">
      <c r="A39" s="17" t="s">
        <v>75</v>
      </c>
      <c r="B39" s="17"/>
      <c r="C39" s="13">
        <v>3411</v>
      </c>
      <c r="D39" s="19">
        <v>2032</v>
      </c>
      <c r="E39" s="19">
        <v>1379</v>
      </c>
      <c r="F39" s="19"/>
      <c r="G39" s="18" t="s">
        <v>76</v>
      </c>
      <c r="H39" s="17"/>
      <c r="I39" s="13">
        <v>1913</v>
      </c>
      <c r="J39" s="19">
        <v>854</v>
      </c>
      <c r="K39" s="19">
        <v>1059</v>
      </c>
    </row>
    <row r="40" spans="1:11" ht="15" customHeight="1">
      <c r="A40" s="17" t="s">
        <v>77</v>
      </c>
      <c r="B40" s="17"/>
      <c r="C40" s="13">
        <v>3312</v>
      </c>
      <c r="D40" s="19">
        <v>1888</v>
      </c>
      <c r="E40" s="19">
        <v>1424</v>
      </c>
      <c r="F40" s="19"/>
      <c r="G40" s="18" t="s">
        <v>78</v>
      </c>
      <c r="H40" s="17"/>
      <c r="I40" s="13">
        <v>1580</v>
      </c>
      <c r="J40" s="19">
        <v>736</v>
      </c>
      <c r="K40" s="19">
        <v>844</v>
      </c>
    </row>
    <row r="41" spans="1:11" ht="20.100000000000001" customHeight="1">
      <c r="A41" s="17" t="s">
        <v>79</v>
      </c>
      <c r="B41" s="17"/>
      <c r="C41" s="13">
        <v>16866</v>
      </c>
      <c r="D41" s="14">
        <v>9746</v>
      </c>
      <c r="E41" s="14">
        <v>7120</v>
      </c>
      <c r="F41" s="14"/>
      <c r="G41" s="18" t="s">
        <v>80</v>
      </c>
      <c r="H41" s="17"/>
      <c r="I41" s="13">
        <v>7485</v>
      </c>
      <c r="J41" s="14">
        <v>3035</v>
      </c>
      <c r="K41" s="14">
        <v>4450</v>
      </c>
    </row>
    <row r="42" spans="1:11" ht="15" customHeight="1">
      <c r="A42" s="17" t="s">
        <v>81</v>
      </c>
      <c r="B42" s="17"/>
      <c r="C42" s="13">
        <v>3427</v>
      </c>
      <c r="D42" s="19">
        <v>1968</v>
      </c>
      <c r="E42" s="19">
        <v>1459</v>
      </c>
      <c r="F42" s="19"/>
      <c r="G42" s="18" t="s">
        <v>82</v>
      </c>
      <c r="H42" s="17"/>
      <c r="I42" s="13">
        <v>1559</v>
      </c>
      <c r="J42" s="19">
        <v>684</v>
      </c>
      <c r="K42" s="19">
        <v>875</v>
      </c>
    </row>
    <row r="43" spans="1:11" ht="15" customHeight="1">
      <c r="A43" s="17" t="s">
        <v>83</v>
      </c>
      <c r="B43" s="17"/>
      <c r="C43" s="13">
        <v>3313</v>
      </c>
      <c r="D43" s="19">
        <v>1978</v>
      </c>
      <c r="E43" s="19">
        <v>1335</v>
      </c>
      <c r="F43" s="19"/>
      <c r="G43" s="18" t="s">
        <v>84</v>
      </c>
      <c r="H43" s="17"/>
      <c r="I43" s="13">
        <v>1739</v>
      </c>
      <c r="J43" s="19">
        <v>712</v>
      </c>
      <c r="K43" s="19">
        <v>1027</v>
      </c>
    </row>
    <row r="44" spans="1:11" ht="15" customHeight="1">
      <c r="A44" s="17" t="s">
        <v>85</v>
      </c>
      <c r="B44" s="17"/>
      <c r="C44" s="13">
        <v>3382</v>
      </c>
      <c r="D44" s="19">
        <v>1956</v>
      </c>
      <c r="E44" s="19">
        <v>1426</v>
      </c>
      <c r="F44" s="19"/>
      <c r="G44" s="18" t="s">
        <v>86</v>
      </c>
      <c r="H44" s="17"/>
      <c r="I44" s="13">
        <v>1477</v>
      </c>
      <c r="J44" s="19">
        <v>580</v>
      </c>
      <c r="K44" s="19">
        <v>897</v>
      </c>
    </row>
    <row r="45" spans="1:11" ht="15" customHeight="1">
      <c r="A45" s="17" t="s">
        <v>87</v>
      </c>
      <c r="B45" s="17"/>
      <c r="C45" s="13">
        <v>3445</v>
      </c>
      <c r="D45" s="19">
        <v>1965</v>
      </c>
      <c r="E45" s="19">
        <v>1480</v>
      </c>
      <c r="F45" s="19"/>
      <c r="G45" s="18" t="s">
        <v>88</v>
      </c>
      <c r="H45" s="17"/>
      <c r="I45" s="13">
        <v>1511</v>
      </c>
      <c r="J45" s="19">
        <v>594</v>
      </c>
      <c r="K45" s="19">
        <v>917</v>
      </c>
    </row>
    <row r="46" spans="1:11" ht="15" customHeight="1">
      <c r="A46" s="17" t="s">
        <v>89</v>
      </c>
      <c r="B46" s="17"/>
      <c r="C46" s="13">
        <v>3299</v>
      </c>
      <c r="D46" s="19">
        <v>1879</v>
      </c>
      <c r="E46" s="19">
        <v>1420</v>
      </c>
      <c r="F46" s="19"/>
      <c r="G46" s="18" t="s">
        <v>90</v>
      </c>
      <c r="H46" s="17"/>
      <c r="I46" s="13">
        <v>1199</v>
      </c>
      <c r="J46" s="19">
        <v>465</v>
      </c>
      <c r="K46" s="19">
        <v>734</v>
      </c>
    </row>
    <row r="47" spans="1:11" ht="20.100000000000001" customHeight="1">
      <c r="A47" s="17" t="s">
        <v>91</v>
      </c>
      <c r="B47" s="17"/>
      <c r="C47" s="13">
        <v>17039</v>
      </c>
      <c r="D47" s="14">
        <v>9469</v>
      </c>
      <c r="E47" s="14">
        <v>7570</v>
      </c>
      <c r="F47" s="14"/>
      <c r="G47" s="18" t="s">
        <v>92</v>
      </c>
      <c r="H47" s="17"/>
      <c r="I47" s="13">
        <v>4510</v>
      </c>
      <c r="J47" s="14">
        <v>1528</v>
      </c>
      <c r="K47" s="14">
        <v>2982</v>
      </c>
    </row>
    <row r="48" spans="1:11" ht="15" customHeight="1">
      <c r="A48" s="17" t="s">
        <v>93</v>
      </c>
      <c r="B48" s="17"/>
      <c r="C48" s="13">
        <v>3462</v>
      </c>
      <c r="D48" s="19">
        <v>1911</v>
      </c>
      <c r="E48" s="19">
        <v>1551</v>
      </c>
      <c r="F48" s="19"/>
      <c r="G48" s="18" t="s">
        <v>94</v>
      </c>
      <c r="H48" s="17"/>
      <c r="I48" s="13">
        <v>1115</v>
      </c>
      <c r="J48" s="19">
        <v>400</v>
      </c>
      <c r="K48" s="19">
        <v>715</v>
      </c>
    </row>
    <row r="49" spans="1:11" ht="15" customHeight="1">
      <c r="A49" s="17" t="s">
        <v>95</v>
      </c>
      <c r="B49" s="17"/>
      <c r="C49" s="13">
        <v>3330</v>
      </c>
      <c r="D49" s="19">
        <v>1857</v>
      </c>
      <c r="E49" s="19">
        <v>1473</v>
      </c>
      <c r="F49" s="19"/>
      <c r="G49" s="18" t="s">
        <v>96</v>
      </c>
      <c r="H49" s="17"/>
      <c r="I49" s="13">
        <v>1101</v>
      </c>
      <c r="J49" s="19">
        <v>368</v>
      </c>
      <c r="K49" s="19">
        <v>733</v>
      </c>
    </row>
    <row r="50" spans="1:11" ht="15" customHeight="1">
      <c r="A50" s="17" t="s">
        <v>97</v>
      </c>
      <c r="B50" s="17"/>
      <c r="C50" s="13">
        <v>3364</v>
      </c>
      <c r="D50" s="19">
        <v>1890</v>
      </c>
      <c r="E50" s="19">
        <v>1474</v>
      </c>
      <c r="F50" s="19"/>
      <c r="G50" s="18" t="s">
        <v>98</v>
      </c>
      <c r="H50" s="17"/>
      <c r="I50" s="13">
        <v>911</v>
      </c>
      <c r="J50" s="19">
        <v>315</v>
      </c>
      <c r="K50" s="19">
        <v>596</v>
      </c>
    </row>
    <row r="51" spans="1:11" ht="15" customHeight="1">
      <c r="A51" s="17" t="s">
        <v>99</v>
      </c>
      <c r="B51" s="17"/>
      <c r="C51" s="13">
        <v>3369</v>
      </c>
      <c r="D51" s="19">
        <v>1846</v>
      </c>
      <c r="E51" s="19">
        <v>1523</v>
      </c>
      <c r="F51" s="19"/>
      <c r="G51" s="18" t="s">
        <v>100</v>
      </c>
      <c r="H51" s="17"/>
      <c r="I51" s="13">
        <v>756</v>
      </c>
      <c r="J51" s="19">
        <v>248</v>
      </c>
      <c r="K51" s="19">
        <v>508</v>
      </c>
    </row>
    <row r="52" spans="1:11" ht="15" customHeight="1">
      <c r="A52" s="17" t="s">
        <v>101</v>
      </c>
      <c r="B52" s="17"/>
      <c r="C52" s="13">
        <v>3514</v>
      </c>
      <c r="D52" s="19">
        <v>1965</v>
      </c>
      <c r="E52" s="19">
        <v>1549</v>
      </c>
      <c r="F52" s="19"/>
      <c r="G52" s="18" t="s">
        <v>102</v>
      </c>
      <c r="H52" s="17"/>
      <c r="I52" s="13">
        <v>627</v>
      </c>
      <c r="J52" s="19">
        <v>197</v>
      </c>
      <c r="K52" s="19">
        <v>430</v>
      </c>
    </row>
    <row r="53" spans="1:11" ht="20.100000000000001" customHeight="1">
      <c r="A53" s="17" t="s">
        <v>103</v>
      </c>
      <c r="B53" s="17"/>
      <c r="C53" s="13">
        <v>18306</v>
      </c>
      <c r="D53" s="14">
        <v>10204</v>
      </c>
      <c r="E53" s="14">
        <v>8102</v>
      </c>
      <c r="F53" s="14"/>
      <c r="G53" s="18" t="s">
        <v>104</v>
      </c>
      <c r="H53" s="17"/>
      <c r="I53" s="13">
        <v>1949</v>
      </c>
      <c r="J53" s="14">
        <v>519</v>
      </c>
      <c r="K53" s="14">
        <v>1430</v>
      </c>
    </row>
    <row r="54" spans="1:11" ht="15" customHeight="1">
      <c r="A54" s="17" t="s">
        <v>105</v>
      </c>
      <c r="B54" s="17"/>
      <c r="C54" s="13">
        <v>3491</v>
      </c>
      <c r="D54" s="19">
        <v>1966</v>
      </c>
      <c r="E54" s="19">
        <v>1525</v>
      </c>
      <c r="F54" s="19"/>
      <c r="G54" s="18" t="s">
        <v>106</v>
      </c>
      <c r="H54" s="17"/>
      <c r="I54" s="13">
        <v>569</v>
      </c>
      <c r="J54" s="19">
        <v>165</v>
      </c>
      <c r="K54" s="19">
        <v>404</v>
      </c>
    </row>
    <row r="55" spans="1:11" ht="15" customHeight="1">
      <c r="A55" s="17" t="s">
        <v>107</v>
      </c>
      <c r="B55" s="17"/>
      <c r="C55" s="13">
        <v>3569</v>
      </c>
      <c r="D55" s="19">
        <v>1962</v>
      </c>
      <c r="E55" s="19">
        <v>1607</v>
      </c>
      <c r="F55" s="19"/>
      <c r="G55" s="18" t="s">
        <v>108</v>
      </c>
      <c r="H55" s="17"/>
      <c r="I55" s="13">
        <v>514</v>
      </c>
      <c r="J55" s="19">
        <v>142</v>
      </c>
      <c r="K55" s="19">
        <v>372</v>
      </c>
    </row>
    <row r="56" spans="1:11" ht="15" customHeight="1">
      <c r="A56" s="17" t="s">
        <v>109</v>
      </c>
      <c r="B56" s="17"/>
      <c r="C56" s="13">
        <v>3535</v>
      </c>
      <c r="D56" s="19">
        <v>1958</v>
      </c>
      <c r="E56" s="19">
        <v>1577</v>
      </c>
      <c r="F56" s="19"/>
      <c r="G56" s="18" t="s">
        <v>110</v>
      </c>
      <c r="H56" s="17"/>
      <c r="I56" s="13">
        <v>378</v>
      </c>
      <c r="J56" s="19">
        <v>107</v>
      </c>
      <c r="K56" s="19">
        <v>271</v>
      </c>
    </row>
    <row r="57" spans="1:11" ht="15" customHeight="1">
      <c r="A57" s="17" t="s">
        <v>111</v>
      </c>
      <c r="B57" s="17"/>
      <c r="C57" s="13">
        <v>3617</v>
      </c>
      <c r="D57" s="19">
        <v>2015</v>
      </c>
      <c r="E57" s="19">
        <v>1602</v>
      </c>
      <c r="F57" s="19"/>
      <c r="G57" s="18" t="s">
        <v>112</v>
      </c>
      <c r="H57" s="17"/>
      <c r="I57" s="13">
        <v>282</v>
      </c>
      <c r="J57" s="19">
        <v>63</v>
      </c>
      <c r="K57" s="19">
        <v>219</v>
      </c>
    </row>
    <row r="58" spans="1:11" ht="15" customHeight="1">
      <c r="A58" s="17" t="s">
        <v>113</v>
      </c>
      <c r="B58" s="17"/>
      <c r="C58" s="13">
        <v>4094</v>
      </c>
      <c r="D58" s="19">
        <v>2303</v>
      </c>
      <c r="E58" s="19">
        <v>1791</v>
      </c>
      <c r="F58" s="19"/>
      <c r="G58" s="18" t="s">
        <v>114</v>
      </c>
      <c r="H58" s="17"/>
      <c r="I58" s="13">
        <v>206</v>
      </c>
      <c r="J58" s="19">
        <v>42</v>
      </c>
      <c r="K58" s="19">
        <v>164</v>
      </c>
    </row>
    <row r="59" spans="1:11" ht="20.100000000000001" customHeight="1">
      <c r="A59" s="17" t="s">
        <v>115</v>
      </c>
      <c r="B59" s="17"/>
      <c r="C59" s="13">
        <v>19744</v>
      </c>
      <c r="D59" s="14">
        <v>11188</v>
      </c>
      <c r="E59" s="14">
        <v>8556</v>
      </c>
      <c r="F59" s="14"/>
      <c r="G59" s="18" t="s">
        <v>116</v>
      </c>
      <c r="H59" s="17"/>
      <c r="I59" s="13">
        <v>438</v>
      </c>
      <c r="J59" s="14">
        <v>89</v>
      </c>
      <c r="K59" s="14">
        <v>349</v>
      </c>
    </row>
    <row r="60" spans="1:11" ht="15" customHeight="1">
      <c r="A60" s="17" t="s">
        <v>117</v>
      </c>
      <c r="B60" s="17"/>
      <c r="C60" s="13">
        <v>4134</v>
      </c>
      <c r="D60" s="19">
        <v>2341</v>
      </c>
      <c r="E60" s="19">
        <v>1793</v>
      </c>
      <c r="F60" s="19"/>
      <c r="G60" s="18" t="s">
        <v>118</v>
      </c>
      <c r="H60" s="17"/>
      <c r="I60" s="13">
        <v>160</v>
      </c>
      <c r="J60" s="19">
        <v>38</v>
      </c>
      <c r="K60" s="19">
        <v>122</v>
      </c>
    </row>
    <row r="61" spans="1:11" ht="15" customHeight="1">
      <c r="A61" s="17" t="s">
        <v>119</v>
      </c>
      <c r="B61" s="17"/>
      <c r="C61" s="13">
        <v>4076</v>
      </c>
      <c r="D61" s="19">
        <v>2338</v>
      </c>
      <c r="E61" s="19">
        <v>1738</v>
      </c>
      <c r="F61" s="19"/>
      <c r="G61" s="18" t="s">
        <v>120</v>
      </c>
      <c r="H61" s="17"/>
      <c r="I61" s="13">
        <v>101</v>
      </c>
      <c r="J61" s="19">
        <v>19</v>
      </c>
      <c r="K61" s="19">
        <v>82</v>
      </c>
    </row>
    <row r="62" spans="1:11" ht="15" customHeight="1">
      <c r="A62" s="17" t="s">
        <v>121</v>
      </c>
      <c r="B62" s="17"/>
      <c r="C62" s="13">
        <v>3996</v>
      </c>
      <c r="D62" s="19">
        <v>2273</v>
      </c>
      <c r="E62" s="19">
        <v>1723</v>
      </c>
      <c r="F62" s="19"/>
      <c r="G62" s="18" t="s">
        <v>122</v>
      </c>
      <c r="H62" s="17"/>
      <c r="I62" s="13">
        <v>85</v>
      </c>
      <c r="J62" s="19">
        <v>16</v>
      </c>
      <c r="K62" s="19">
        <v>69</v>
      </c>
    </row>
    <row r="63" spans="1:11" ht="15" customHeight="1">
      <c r="A63" s="17" t="s">
        <v>123</v>
      </c>
      <c r="B63" s="17"/>
      <c r="C63" s="13">
        <v>3896</v>
      </c>
      <c r="D63" s="19">
        <v>2212</v>
      </c>
      <c r="E63" s="19">
        <v>1684</v>
      </c>
      <c r="F63" s="19"/>
      <c r="G63" s="18" t="s">
        <v>124</v>
      </c>
      <c r="H63" s="17"/>
      <c r="I63" s="13">
        <v>50</v>
      </c>
      <c r="J63" s="19">
        <v>6</v>
      </c>
      <c r="K63" s="19">
        <v>44</v>
      </c>
    </row>
    <row r="64" spans="1:11" ht="15" customHeight="1">
      <c r="A64" s="17" t="s">
        <v>125</v>
      </c>
      <c r="B64" s="17"/>
      <c r="C64" s="13">
        <v>3642</v>
      </c>
      <c r="D64" s="19">
        <v>2024</v>
      </c>
      <c r="E64" s="19">
        <v>1618</v>
      </c>
      <c r="F64" s="19"/>
      <c r="G64" s="18" t="s">
        <v>126</v>
      </c>
      <c r="H64" s="17"/>
      <c r="I64" s="13">
        <v>42</v>
      </c>
      <c r="J64" s="19">
        <v>10</v>
      </c>
      <c r="K64" s="19">
        <v>3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0</v>
      </c>
      <c r="J65" s="19">
        <v>16</v>
      </c>
      <c r="K65" s="19">
        <v>4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384</v>
      </c>
      <c r="J66" s="29">
        <v>1575</v>
      </c>
      <c r="K66" s="29">
        <v>80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2" pageOrder="overThenDown" orientation="portrait" blackAndWhite="1" useFirstPageNumber="1" horizontalDpi="300" verticalDpi="300"/>
  <headerFooter scaleWithDoc="0"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7191</v>
      </c>
      <c r="D4" s="14">
        <v>84389</v>
      </c>
      <c r="E4" s="14">
        <v>8280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155</v>
      </c>
      <c r="D5" s="14">
        <v>4193</v>
      </c>
      <c r="E5" s="14">
        <v>3962</v>
      </c>
      <c r="F5" s="14"/>
      <c r="G5" s="18" t="s">
        <v>8</v>
      </c>
      <c r="H5" s="17"/>
      <c r="I5" s="13">
        <v>11082</v>
      </c>
      <c r="J5" s="14">
        <v>5882</v>
      </c>
      <c r="K5" s="14">
        <v>5200</v>
      </c>
    </row>
    <row r="6" spans="1:11" ht="15" customHeight="1">
      <c r="A6" s="17" t="s">
        <v>9</v>
      </c>
      <c r="B6" s="17"/>
      <c r="C6" s="13">
        <v>1729</v>
      </c>
      <c r="D6" s="19">
        <v>894</v>
      </c>
      <c r="E6" s="19">
        <v>835</v>
      </c>
      <c r="F6" s="19"/>
      <c r="G6" s="18" t="s">
        <v>10</v>
      </c>
      <c r="H6" s="17"/>
      <c r="I6" s="13">
        <v>2442</v>
      </c>
      <c r="J6" s="19">
        <v>1233</v>
      </c>
      <c r="K6" s="19">
        <v>1209</v>
      </c>
    </row>
    <row r="7" spans="1:11" ht="15" customHeight="1">
      <c r="A7" s="17" t="s">
        <v>11</v>
      </c>
      <c r="B7" s="17"/>
      <c r="C7" s="13">
        <v>1695</v>
      </c>
      <c r="D7" s="19">
        <v>910</v>
      </c>
      <c r="E7" s="19">
        <v>785</v>
      </c>
      <c r="F7" s="19"/>
      <c r="G7" s="18" t="s">
        <v>12</v>
      </c>
      <c r="H7" s="17"/>
      <c r="I7" s="13">
        <v>2566</v>
      </c>
      <c r="J7" s="19">
        <v>1359</v>
      </c>
      <c r="K7" s="19">
        <v>1207</v>
      </c>
    </row>
    <row r="8" spans="1:11" ht="15" customHeight="1">
      <c r="A8" s="17" t="s">
        <v>13</v>
      </c>
      <c r="B8" s="17"/>
      <c r="C8" s="13">
        <v>1711</v>
      </c>
      <c r="D8" s="19">
        <v>866</v>
      </c>
      <c r="E8" s="19">
        <v>845</v>
      </c>
      <c r="F8" s="19"/>
      <c r="G8" s="18" t="s">
        <v>14</v>
      </c>
      <c r="H8" s="17"/>
      <c r="I8" s="13">
        <v>1830</v>
      </c>
      <c r="J8" s="19">
        <v>970</v>
      </c>
      <c r="K8" s="19">
        <v>860</v>
      </c>
    </row>
    <row r="9" spans="1:11" ht="15" customHeight="1">
      <c r="A9" s="17" t="s">
        <v>15</v>
      </c>
      <c r="B9" s="17"/>
      <c r="C9" s="13">
        <v>1609</v>
      </c>
      <c r="D9" s="19">
        <v>799</v>
      </c>
      <c r="E9" s="19">
        <v>810</v>
      </c>
      <c r="F9" s="19"/>
      <c r="G9" s="18" t="s">
        <v>16</v>
      </c>
      <c r="H9" s="17"/>
      <c r="I9" s="13">
        <v>2307</v>
      </c>
      <c r="J9" s="19">
        <v>1241</v>
      </c>
      <c r="K9" s="19">
        <v>1066</v>
      </c>
    </row>
    <row r="10" spans="1:11" ht="15" customHeight="1">
      <c r="A10" s="17" t="s">
        <v>17</v>
      </c>
      <c r="B10" s="17"/>
      <c r="C10" s="13">
        <v>1411</v>
      </c>
      <c r="D10" s="19">
        <v>724</v>
      </c>
      <c r="E10" s="19">
        <v>687</v>
      </c>
      <c r="F10" s="19"/>
      <c r="G10" s="18" t="s">
        <v>18</v>
      </c>
      <c r="H10" s="17"/>
      <c r="I10" s="13">
        <v>1937</v>
      </c>
      <c r="J10" s="19">
        <v>1079</v>
      </c>
      <c r="K10" s="19">
        <v>858</v>
      </c>
    </row>
    <row r="11" spans="1:11" ht="20.100000000000001" customHeight="1">
      <c r="A11" s="17" t="s">
        <v>19</v>
      </c>
      <c r="B11" s="17"/>
      <c r="C11" s="13">
        <v>7147</v>
      </c>
      <c r="D11" s="14">
        <v>3581</v>
      </c>
      <c r="E11" s="14">
        <v>3566</v>
      </c>
      <c r="F11" s="14"/>
      <c r="G11" s="18" t="s">
        <v>20</v>
      </c>
      <c r="H11" s="17"/>
      <c r="I11" s="13">
        <v>8897</v>
      </c>
      <c r="J11" s="14">
        <v>4652</v>
      </c>
      <c r="K11" s="14">
        <v>4245</v>
      </c>
    </row>
    <row r="12" spans="1:11" ht="15" customHeight="1">
      <c r="A12" s="17" t="s">
        <v>21</v>
      </c>
      <c r="B12" s="17"/>
      <c r="C12" s="13">
        <v>1498</v>
      </c>
      <c r="D12" s="19">
        <v>707</v>
      </c>
      <c r="E12" s="19">
        <v>791</v>
      </c>
      <c r="F12" s="19"/>
      <c r="G12" s="18" t="s">
        <v>22</v>
      </c>
      <c r="H12" s="17"/>
      <c r="I12" s="13">
        <v>1913</v>
      </c>
      <c r="J12" s="19">
        <v>995</v>
      </c>
      <c r="K12" s="19">
        <v>918</v>
      </c>
    </row>
    <row r="13" spans="1:11" ht="15" customHeight="1">
      <c r="A13" s="17" t="s">
        <v>23</v>
      </c>
      <c r="B13" s="17"/>
      <c r="C13" s="13">
        <v>1466</v>
      </c>
      <c r="D13" s="19">
        <v>719</v>
      </c>
      <c r="E13" s="19">
        <v>747</v>
      </c>
      <c r="F13" s="19"/>
      <c r="G13" s="18" t="s">
        <v>24</v>
      </c>
      <c r="H13" s="17"/>
      <c r="I13" s="13">
        <v>1886</v>
      </c>
      <c r="J13" s="19">
        <v>993</v>
      </c>
      <c r="K13" s="19">
        <v>893</v>
      </c>
    </row>
    <row r="14" spans="1:11" ht="15" customHeight="1">
      <c r="A14" s="17" t="s">
        <v>25</v>
      </c>
      <c r="B14" s="17"/>
      <c r="C14" s="13">
        <v>1351</v>
      </c>
      <c r="D14" s="19">
        <v>705</v>
      </c>
      <c r="E14" s="19">
        <v>646</v>
      </c>
      <c r="F14" s="19"/>
      <c r="G14" s="18" t="s">
        <v>26</v>
      </c>
      <c r="H14" s="17"/>
      <c r="I14" s="13">
        <v>1746</v>
      </c>
      <c r="J14" s="19">
        <v>902</v>
      </c>
      <c r="K14" s="19">
        <v>844</v>
      </c>
    </row>
    <row r="15" spans="1:11" ht="15" customHeight="1">
      <c r="A15" s="17" t="s">
        <v>27</v>
      </c>
      <c r="B15" s="17"/>
      <c r="C15" s="13">
        <v>1437</v>
      </c>
      <c r="D15" s="19">
        <v>768</v>
      </c>
      <c r="E15" s="19">
        <v>669</v>
      </c>
      <c r="F15" s="19"/>
      <c r="G15" s="18" t="s">
        <v>28</v>
      </c>
      <c r="H15" s="17"/>
      <c r="I15" s="13">
        <v>1694</v>
      </c>
      <c r="J15" s="19">
        <v>899</v>
      </c>
      <c r="K15" s="19">
        <v>795</v>
      </c>
    </row>
    <row r="16" spans="1:11" ht="15" customHeight="1">
      <c r="A16" s="17" t="s">
        <v>29</v>
      </c>
      <c r="B16" s="17"/>
      <c r="C16" s="13">
        <v>1395</v>
      </c>
      <c r="D16" s="19">
        <v>682</v>
      </c>
      <c r="E16" s="19">
        <v>713</v>
      </c>
      <c r="F16" s="19"/>
      <c r="G16" s="18" t="s">
        <v>30</v>
      </c>
      <c r="H16" s="17"/>
      <c r="I16" s="13">
        <v>1658</v>
      </c>
      <c r="J16" s="19">
        <v>863</v>
      </c>
      <c r="K16" s="19">
        <v>795</v>
      </c>
    </row>
    <row r="17" spans="1:11" ht="20.100000000000001" customHeight="1">
      <c r="A17" s="20" t="s">
        <v>31</v>
      </c>
      <c r="B17" s="20"/>
      <c r="C17" s="13">
        <v>6428</v>
      </c>
      <c r="D17" s="14">
        <v>3260</v>
      </c>
      <c r="E17" s="14">
        <v>3168</v>
      </c>
      <c r="F17" s="14"/>
      <c r="G17" s="18" t="s">
        <v>32</v>
      </c>
      <c r="H17" s="17"/>
      <c r="I17" s="13">
        <v>8059</v>
      </c>
      <c r="J17" s="14">
        <v>4001</v>
      </c>
      <c r="K17" s="14">
        <v>4058</v>
      </c>
    </row>
    <row r="18" spans="1:11" ht="15" customHeight="1">
      <c r="A18" s="17" t="s">
        <v>33</v>
      </c>
      <c r="B18" s="17"/>
      <c r="C18" s="13">
        <v>1383</v>
      </c>
      <c r="D18" s="19">
        <v>719</v>
      </c>
      <c r="E18" s="19">
        <v>664</v>
      </c>
      <c r="F18" s="19"/>
      <c r="G18" s="18" t="s">
        <v>34</v>
      </c>
      <c r="H18" s="17"/>
      <c r="I18" s="13">
        <v>1642</v>
      </c>
      <c r="J18" s="19">
        <v>822</v>
      </c>
      <c r="K18" s="19">
        <v>820</v>
      </c>
    </row>
    <row r="19" spans="1:11" ht="15" customHeight="1">
      <c r="A19" s="17" t="s">
        <v>35</v>
      </c>
      <c r="B19" s="17"/>
      <c r="C19" s="13">
        <v>1294</v>
      </c>
      <c r="D19" s="19">
        <v>640</v>
      </c>
      <c r="E19" s="19">
        <v>654</v>
      </c>
      <c r="F19" s="19"/>
      <c r="G19" s="18" t="s">
        <v>36</v>
      </c>
      <c r="H19" s="17"/>
      <c r="I19" s="13">
        <v>1569</v>
      </c>
      <c r="J19" s="19">
        <v>816</v>
      </c>
      <c r="K19" s="19">
        <v>753</v>
      </c>
    </row>
    <row r="20" spans="1:11" ht="15" customHeight="1">
      <c r="A20" s="17" t="s">
        <v>37</v>
      </c>
      <c r="B20" s="17"/>
      <c r="C20" s="13">
        <v>1319</v>
      </c>
      <c r="D20" s="19">
        <v>671</v>
      </c>
      <c r="E20" s="19">
        <v>648</v>
      </c>
      <c r="F20" s="19"/>
      <c r="G20" s="18" t="s">
        <v>38</v>
      </c>
      <c r="H20" s="17"/>
      <c r="I20" s="13">
        <v>1634</v>
      </c>
      <c r="J20" s="19">
        <v>816</v>
      </c>
      <c r="K20" s="19">
        <v>818</v>
      </c>
    </row>
    <row r="21" spans="1:11" ht="15" customHeight="1">
      <c r="A21" s="17" t="s">
        <v>39</v>
      </c>
      <c r="B21" s="17"/>
      <c r="C21" s="13">
        <v>1197</v>
      </c>
      <c r="D21" s="19">
        <v>580</v>
      </c>
      <c r="E21" s="19">
        <v>617</v>
      </c>
      <c r="F21" s="19"/>
      <c r="G21" s="18" t="s">
        <v>40</v>
      </c>
      <c r="H21" s="17"/>
      <c r="I21" s="13">
        <v>1567</v>
      </c>
      <c r="J21" s="19">
        <v>750</v>
      </c>
      <c r="K21" s="19">
        <v>817</v>
      </c>
    </row>
    <row r="22" spans="1:11" ht="15" customHeight="1">
      <c r="A22" s="17" t="s">
        <v>41</v>
      </c>
      <c r="B22" s="17"/>
      <c r="C22" s="13">
        <v>1235</v>
      </c>
      <c r="D22" s="19">
        <v>650</v>
      </c>
      <c r="E22" s="19">
        <v>585</v>
      </c>
      <c r="F22" s="19"/>
      <c r="G22" s="18" t="s">
        <v>42</v>
      </c>
      <c r="H22" s="17"/>
      <c r="I22" s="13">
        <v>1647</v>
      </c>
      <c r="J22" s="19">
        <v>797</v>
      </c>
      <c r="K22" s="19">
        <v>850</v>
      </c>
    </row>
    <row r="23" spans="1:11" ht="20.100000000000001" customHeight="1">
      <c r="A23" s="17" t="s">
        <v>43</v>
      </c>
      <c r="B23" s="17"/>
      <c r="C23" s="13">
        <v>6200</v>
      </c>
      <c r="D23" s="14">
        <v>3142</v>
      </c>
      <c r="E23" s="14">
        <v>3058</v>
      </c>
      <c r="F23" s="14"/>
      <c r="G23" s="18" t="s">
        <v>44</v>
      </c>
      <c r="H23" s="17"/>
      <c r="I23" s="13">
        <v>9786</v>
      </c>
      <c r="J23" s="14">
        <v>4770</v>
      </c>
      <c r="K23" s="14">
        <v>5016</v>
      </c>
    </row>
    <row r="24" spans="1:11" ht="15" customHeight="1">
      <c r="A24" s="17" t="s">
        <v>45</v>
      </c>
      <c r="B24" s="17"/>
      <c r="C24" s="13">
        <v>1193</v>
      </c>
      <c r="D24" s="19">
        <v>632</v>
      </c>
      <c r="E24" s="19">
        <v>561</v>
      </c>
      <c r="F24" s="19"/>
      <c r="G24" s="18" t="s">
        <v>46</v>
      </c>
      <c r="H24" s="17"/>
      <c r="I24" s="13">
        <v>1757</v>
      </c>
      <c r="J24" s="19">
        <v>891</v>
      </c>
      <c r="K24" s="19">
        <v>866</v>
      </c>
    </row>
    <row r="25" spans="1:11" ht="15" customHeight="1">
      <c r="A25" s="17" t="s">
        <v>47</v>
      </c>
      <c r="B25" s="17"/>
      <c r="C25" s="13">
        <v>1243</v>
      </c>
      <c r="D25" s="19">
        <v>627</v>
      </c>
      <c r="E25" s="19">
        <v>616</v>
      </c>
      <c r="F25" s="19"/>
      <c r="G25" s="18" t="s">
        <v>48</v>
      </c>
      <c r="H25" s="17"/>
      <c r="I25" s="13">
        <v>1790</v>
      </c>
      <c r="J25" s="19">
        <v>878</v>
      </c>
      <c r="K25" s="19">
        <v>912</v>
      </c>
    </row>
    <row r="26" spans="1:11" ht="15" customHeight="1">
      <c r="A26" s="17" t="s">
        <v>49</v>
      </c>
      <c r="B26" s="17"/>
      <c r="C26" s="13">
        <v>1255</v>
      </c>
      <c r="D26" s="19">
        <v>648</v>
      </c>
      <c r="E26" s="19">
        <v>607</v>
      </c>
      <c r="F26" s="19"/>
      <c r="G26" s="18" t="s">
        <v>50</v>
      </c>
      <c r="H26" s="17"/>
      <c r="I26" s="13">
        <v>1898</v>
      </c>
      <c r="J26" s="19">
        <v>922</v>
      </c>
      <c r="K26" s="19">
        <v>976</v>
      </c>
    </row>
    <row r="27" spans="1:11" ht="15" customHeight="1">
      <c r="A27" s="17" t="s">
        <v>51</v>
      </c>
      <c r="B27" s="17"/>
      <c r="C27" s="13">
        <v>1284</v>
      </c>
      <c r="D27" s="19">
        <v>616</v>
      </c>
      <c r="E27" s="19">
        <v>668</v>
      </c>
      <c r="F27" s="19"/>
      <c r="G27" s="18" t="s">
        <v>52</v>
      </c>
      <c r="H27" s="17"/>
      <c r="I27" s="13">
        <v>2025</v>
      </c>
      <c r="J27" s="19">
        <v>969</v>
      </c>
      <c r="K27" s="19">
        <v>1056</v>
      </c>
    </row>
    <row r="28" spans="1:11" ht="15" customHeight="1">
      <c r="A28" s="17" t="s">
        <v>53</v>
      </c>
      <c r="B28" s="17"/>
      <c r="C28" s="13">
        <v>1225</v>
      </c>
      <c r="D28" s="19">
        <v>619</v>
      </c>
      <c r="E28" s="19">
        <v>606</v>
      </c>
      <c r="F28" s="19"/>
      <c r="G28" s="18" t="s">
        <v>54</v>
      </c>
      <c r="H28" s="17"/>
      <c r="I28" s="13">
        <v>2316</v>
      </c>
      <c r="J28" s="19">
        <v>1110</v>
      </c>
      <c r="K28" s="19">
        <v>1206</v>
      </c>
    </row>
    <row r="29" spans="1:11" ht="20.100000000000001" customHeight="1">
      <c r="A29" s="17" t="s">
        <v>55</v>
      </c>
      <c r="B29" s="17"/>
      <c r="C29" s="13">
        <v>7744</v>
      </c>
      <c r="D29" s="14">
        <v>4046</v>
      </c>
      <c r="E29" s="14">
        <v>3698</v>
      </c>
      <c r="F29" s="14"/>
      <c r="G29" s="18" t="s">
        <v>56</v>
      </c>
      <c r="H29" s="17"/>
      <c r="I29" s="13">
        <v>8836</v>
      </c>
      <c r="J29" s="14">
        <v>4195</v>
      </c>
      <c r="K29" s="14">
        <v>4641</v>
      </c>
    </row>
    <row r="30" spans="1:11" ht="15" customHeight="1">
      <c r="A30" s="17" t="s">
        <v>57</v>
      </c>
      <c r="B30" s="17"/>
      <c r="C30" s="13">
        <v>1248</v>
      </c>
      <c r="D30" s="19">
        <v>642</v>
      </c>
      <c r="E30" s="19">
        <v>606</v>
      </c>
      <c r="F30" s="19"/>
      <c r="G30" s="18" t="s">
        <v>58</v>
      </c>
      <c r="H30" s="17"/>
      <c r="I30" s="13">
        <v>2210</v>
      </c>
      <c r="J30" s="19">
        <v>1061</v>
      </c>
      <c r="K30" s="19">
        <v>1149</v>
      </c>
    </row>
    <row r="31" spans="1:11" ht="15" customHeight="1">
      <c r="A31" s="17" t="s">
        <v>59</v>
      </c>
      <c r="B31" s="17"/>
      <c r="C31" s="13">
        <v>1434</v>
      </c>
      <c r="D31" s="19">
        <v>755</v>
      </c>
      <c r="E31" s="19">
        <v>679</v>
      </c>
      <c r="F31" s="19"/>
      <c r="G31" s="18" t="s">
        <v>60</v>
      </c>
      <c r="H31" s="17"/>
      <c r="I31" s="13">
        <v>2162</v>
      </c>
      <c r="J31" s="19">
        <v>1005</v>
      </c>
      <c r="K31" s="19">
        <v>1157</v>
      </c>
    </row>
    <row r="32" spans="1:11" ht="15" customHeight="1">
      <c r="A32" s="17" t="s">
        <v>61</v>
      </c>
      <c r="B32" s="17"/>
      <c r="C32" s="13">
        <v>1532</v>
      </c>
      <c r="D32" s="19">
        <v>782</v>
      </c>
      <c r="E32" s="19">
        <v>750</v>
      </c>
      <c r="F32" s="19"/>
      <c r="G32" s="18" t="s">
        <v>62</v>
      </c>
      <c r="H32" s="17"/>
      <c r="I32" s="13">
        <v>1455</v>
      </c>
      <c r="J32" s="19">
        <v>719</v>
      </c>
      <c r="K32" s="19">
        <v>736</v>
      </c>
    </row>
    <row r="33" spans="1:11" ht="15" customHeight="1">
      <c r="A33" s="17" t="s">
        <v>63</v>
      </c>
      <c r="B33" s="17"/>
      <c r="C33" s="13">
        <v>1763</v>
      </c>
      <c r="D33" s="19">
        <v>941</v>
      </c>
      <c r="E33" s="19">
        <v>822</v>
      </c>
      <c r="F33" s="19"/>
      <c r="G33" s="18" t="s">
        <v>64</v>
      </c>
      <c r="H33" s="17"/>
      <c r="I33" s="13">
        <v>1327</v>
      </c>
      <c r="J33" s="19">
        <v>628</v>
      </c>
      <c r="K33" s="19">
        <v>699</v>
      </c>
    </row>
    <row r="34" spans="1:11" ht="15" customHeight="1">
      <c r="A34" s="17" t="s">
        <v>65</v>
      </c>
      <c r="B34" s="17"/>
      <c r="C34" s="13">
        <v>1767</v>
      </c>
      <c r="D34" s="19">
        <v>926</v>
      </c>
      <c r="E34" s="19">
        <v>841</v>
      </c>
      <c r="F34" s="19"/>
      <c r="G34" s="18" t="s">
        <v>66</v>
      </c>
      <c r="H34" s="17"/>
      <c r="I34" s="13">
        <v>1682</v>
      </c>
      <c r="J34" s="19">
        <v>782</v>
      </c>
      <c r="K34" s="19">
        <v>900</v>
      </c>
    </row>
    <row r="35" spans="1:11" ht="20.100000000000001" customHeight="1">
      <c r="A35" s="17" t="s">
        <v>67</v>
      </c>
      <c r="B35" s="17"/>
      <c r="C35" s="13">
        <v>9879</v>
      </c>
      <c r="D35" s="14">
        <v>5407</v>
      </c>
      <c r="E35" s="14">
        <v>4472</v>
      </c>
      <c r="F35" s="14"/>
      <c r="G35" s="18" t="s">
        <v>68</v>
      </c>
      <c r="H35" s="17"/>
      <c r="I35" s="13">
        <v>7532</v>
      </c>
      <c r="J35" s="14">
        <v>3364</v>
      </c>
      <c r="K35" s="14">
        <v>4168</v>
      </c>
    </row>
    <row r="36" spans="1:11" ht="15" customHeight="1">
      <c r="A36" s="17" t="s">
        <v>69</v>
      </c>
      <c r="B36" s="17"/>
      <c r="C36" s="13">
        <v>1883</v>
      </c>
      <c r="D36" s="19">
        <v>1024</v>
      </c>
      <c r="E36" s="19">
        <v>859</v>
      </c>
      <c r="F36" s="19"/>
      <c r="G36" s="18" t="s">
        <v>70</v>
      </c>
      <c r="H36" s="17"/>
      <c r="I36" s="13">
        <v>1694</v>
      </c>
      <c r="J36" s="19">
        <v>715</v>
      </c>
      <c r="K36" s="19">
        <v>979</v>
      </c>
    </row>
    <row r="37" spans="1:11" ht="15" customHeight="1">
      <c r="A37" s="17" t="s">
        <v>71</v>
      </c>
      <c r="B37" s="17"/>
      <c r="C37" s="13">
        <v>1898</v>
      </c>
      <c r="D37" s="19">
        <v>1043</v>
      </c>
      <c r="E37" s="19">
        <v>855</v>
      </c>
      <c r="F37" s="19"/>
      <c r="G37" s="18" t="s">
        <v>72</v>
      </c>
      <c r="H37" s="17"/>
      <c r="I37" s="13">
        <v>1535</v>
      </c>
      <c r="J37" s="19">
        <v>694</v>
      </c>
      <c r="K37" s="19">
        <v>841</v>
      </c>
    </row>
    <row r="38" spans="1:11" ht="15" customHeight="1">
      <c r="A38" s="17" t="s">
        <v>73</v>
      </c>
      <c r="B38" s="17"/>
      <c r="C38" s="13">
        <v>1955</v>
      </c>
      <c r="D38" s="19">
        <v>1099</v>
      </c>
      <c r="E38" s="19">
        <v>856</v>
      </c>
      <c r="F38" s="19"/>
      <c r="G38" s="18" t="s">
        <v>74</v>
      </c>
      <c r="H38" s="17"/>
      <c r="I38" s="13">
        <v>1602</v>
      </c>
      <c r="J38" s="19">
        <v>743</v>
      </c>
      <c r="K38" s="19">
        <v>859</v>
      </c>
    </row>
    <row r="39" spans="1:11" ht="15" customHeight="1">
      <c r="A39" s="17" t="s">
        <v>75</v>
      </c>
      <c r="B39" s="17"/>
      <c r="C39" s="13">
        <v>2030</v>
      </c>
      <c r="D39" s="19">
        <v>1095</v>
      </c>
      <c r="E39" s="19">
        <v>935</v>
      </c>
      <c r="F39" s="19"/>
      <c r="G39" s="18" t="s">
        <v>76</v>
      </c>
      <c r="H39" s="17"/>
      <c r="I39" s="13">
        <v>1473</v>
      </c>
      <c r="J39" s="19">
        <v>670</v>
      </c>
      <c r="K39" s="19">
        <v>803</v>
      </c>
    </row>
    <row r="40" spans="1:11" ht="15" customHeight="1">
      <c r="A40" s="17" t="s">
        <v>77</v>
      </c>
      <c r="B40" s="17"/>
      <c r="C40" s="13">
        <v>2113</v>
      </c>
      <c r="D40" s="19">
        <v>1146</v>
      </c>
      <c r="E40" s="19">
        <v>967</v>
      </c>
      <c r="F40" s="19"/>
      <c r="G40" s="18" t="s">
        <v>78</v>
      </c>
      <c r="H40" s="17"/>
      <c r="I40" s="13">
        <v>1228</v>
      </c>
      <c r="J40" s="19">
        <v>542</v>
      </c>
      <c r="K40" s="19">
        <v>686</v>
      </c>
    </row>
    <row r="41" spans="1:11" ht="20.100000000000001" customHeight="1">
      <c r="A41" s="17" t="s">
        <v>79</v>
      </c>
      <c r="B41" s="17"/>
      <c r="C41" s="13">
        <v>11632</v>
      </c>
      <c r="D41" s="14">
        <v>6143</v>
      </c>
      <c r="E41" s="14">
        <v>5489</v>
      </c>
      <c r="F41" s="14"/>
      <c r="G41" s="18" t="s">
        <v>80</v>
      </c>
      <c r="H41" s="17"/>
      <c r="I41" s="13">
        <v>5345</v>
      </c>
      <c r="J41" s="14">
        <v>2159</v>
      </c>
      <c r="K41" s="14">
        <v>3186</v>
      </c>
    </row>
    <row r="42" spans="1:11" ht="15" customHeight="1">
      <c r="A42" s="17" t="s">
        <v>81</v>
      </c>
      <c r="B42" s="17"/>
      <c r="C42" s="13">
        <v>2078</v>
      </c>
      <c r="D42" s="19">
        <v>1099</v>
      </c>
      <c r="E42" s="19">
        <v>979</v>
      </c>
      <c r="F42" s="19"/>
      <c r="G42" s="18" t="s">
        <v>82</v>
      </c>
      <c r="H42" s="17"/>
      <c r="I42" s="13">
        <v>1153</v>
      </c>
      <c r="J42" s="19">
        <v>476</v>
      </c>
      <c r="K42" s="19">
        <v>677</v>
      </c>
    </row>
    <row r="43" spans="1:11" ht="15" customHeight="1">
      <c r="A43" s="17" t="s">
        <v>83</v>
      </c>
      <c r="B43" s="17"/>
      <c r="C43" s="13">
        <v>2286</v>
      </c>
      <c r="D43" s="19">
        <v>1234</v>
      </c>
      <c r="E43" s="19">
        <v>1052</v>
      </c>
      <c r="F43" s="19"/>
      <c r="G43" s="18" t="s">
        <v>84</v>
      </c>
      <c r="H43" s="17"/>
      <c r="I43" s="13">
        <v>1163</v>
      </c>
      <c r="J43" s="19">
        <v>486</v>
      </c>
      <c r="K43" s="19">
        <v>677</v>
      </c>
    </row>
    <row r="44" spans="1:11" ht="15" customHeight="1">
      <c r="A44" s="17" t="s">
        <v>85</v>
      </c>
      <c r="B44" s="17"/>
      <c r="C44" s="13">
        <v>2289</v>
      </c>
      <c r="D44" s="19">
        <v>1224</v>
      </c>
      <c r="E44" s="19">
        <v>1065</v>
      </c>
      <c r="F44" s="19"/>
      <c r="G44" s="18" t="s">
        <v>86</v>
      </c>
      <c r="H44" s="17"/>
      <c r="I44" s="13">
        <v>1089</v>
      </c>
      <c r="J44" s="19">
        <v>472</v>
      </c>
      <c r="K44" s="19">
        <v>617</v>
      </c>
    </row>
    <row r="45" spans="1:11" ht="15" customHeight="1">
      <c r="A45" s="17" t="s">
        <v>87</v>
      </c>
      <c r="B45" s="17"/>
      <c r="C45" s="13">
        <v>2432</v>
      </c>
      <c r="D45" s="19">
        <v>1236</v>
      </c>
      <c r="E45" s="19">
        <v>1196</v>
      </c>
      <c r="F45" s="19"/>
      <c r="G45" s="18" t="s">
        <v>88</v>
      </c>
      <c r="H45" s="17"/>
      <c r="I45" s="13">
        <v>1023</v>
      </c>
      <c r="J45" s="19">
        <v>413</v>
      </c>
      <c r="K45" s="19">
        <v>610</v>
      </c>
    </row>
    <row r="46" spans="1:11" ht="15" customHeight="1">
      <c r="A46" s="17" t="s">
        <v>89</v>
      </c>
      <c r="B46" s="17"/>
      <c r="C46" s="13">
        <v>2547</v>
      </c>
      <c r="D46" s="19">
        <v>1350</v>
      </c>
      <c r="E46" s="19">
        <v>1197</v>
      </c>
      <c r="F46" s="19"/>
      <c r="G46" s="18" t="s">
        <v>90</v>
      </c>
      <c r="H46" s="17"/>
      <c r="I46" s="13">
        <v>917</v>
      </c>
      <c r="J46" s="19">
        <v>312</v>
      </c>
      <c r="K46" s="19">
        <v>605</v>
      </c>
    </row>
    <row r="47" spans="1:11" ht="20.100000000000001" customHeight="1">
      <c r="A47" s="17" t="s">
        <v>91</v>
      </c>
      <c r="B47" s="17"/>
      <c r="C47" s="13">
        <v>12719</v>
      </c>
      <c r="D47" s="14">
        <v>6626</v>
      </c>
      <c r="E47" s="14">
        <v>6093</v>
      </c>
      <c r="F47" s="14"/>
      <c r="G47" s="18" t="s">
        <v>92</v>
      </c>
      <c r="H47" s="17"/>
      <c r="I47" s="13">
        <v>3479</v>
      </c>
      <c r="J47" s="14">
        <v>1224</v>
      </c>
      <c r="K47" s="14">
        <v>2255</v>
      </c>
    </row>
    <row r="48" spans="1:11" ht="15" customHeight="1">
      <c r="A48" s="17" t="s">
        <v>93</v>
      </c>
      <c r="B48" s="17"/>
      <c r="C48" s="13">
        <v>2513</v>
      </c>
      <c r="D48" s="19">
        <v>1293</v>
      </c>
      <c r="E48" s="19">
        <v>1220</v>
      </c>
      <c r="F48" s="19"/>
      <c r="G48" s="18" t="s">
        <v>94</v>
      </c>
      <c r="H48" s="17"/>
      <c r="I48" s="13">
        <v>868</v>
      </c>
      <c r="J48" s="19">
        <v>328</v>
      </c>
      <c r="K48" s="19">
        <v>540</v>
      </c>
    </row>
    <row r="49" spans="1:11" ht="15" customHeight="1">
      <c r="A49" s="17" t="s">
        <v>95</v>
      </c>
      <c r="B49" s="17"/>
      <c r="C49" s="13">
        <v>2412</v>
      </c>
      <c r="D49" s="19">
        <v>1272</v>
      </c>
      <c r="E49" s="19">
        <v>1140</v>
      </c>
      <c r="F49" s="19"/>
      <c r="G49" s="18" t="s">
        <v>96</v>
      </c>
      <c r="H49" s="17"/>
      <c r="I49" s="13">
        <v>848</v>
      </c>
      <c r="J49" s="19">
        <v>300</v>
      </c>
      <c r="K49" s="19">
        <v>548</v>
      </c>
    </row>
    <row r="50" spans="1:11" ht="15" customHeight="1">
      <c r="A50" s="17" t="s">
        <v>97</v>
      </c>
      <c r="B50" s="17"/>
      <c r="C50" s="13">
        <v>2536</v>
      </c>
      <c r="D50" s="19">
        <v>1321</v>
      </c>
      <c r="E50" s="19">
        <v>1215</v>
      </c>
      <c r="F50" s="19"/>
      <c r="G50" s="18" t="s">
        <v>98</v>
      </c>
      <c r="H50" s="17"/>
      <c r="I50" s="13">
        <v>704</v>
      </c>
      <c r="J50" s="19">
        <v>246</v>
      </c>
      <c r="K50" s="19">
        <v>458</v>
      </c>
    </row>
    <row r="51" spans="1:11" ht="15" customHeight="1">
      <c r="A51" s="17" t="s">
        <v>99</v>
      </c>
      <c r="B51" s="17"/>
      <c r="C51" s="13">
        <v>2491</v>
      </c>
      <c r="D51" s="19">
        <v>1278</v>
      </c>
      <c r="E51" s="19">
        <v>1213</v>
      </c>
      <c r="F51" s="19"/>
      <c r="G51" s="18" t="s">
        <v>100</v>
      </c>
      <c r="H51" s="17"/>
      <c r="I51" s="13">
        <v>538</v>
      </c>
      <c r="J51" s="19">
        <v>192</v>
      </c>
      <c r="K51" s="19">
        <v>346</v>
      </c>
    </row>
    <row r="52" spans="1:11" ht="15" customHeight="1">
      <c r="A52" s="17" t="s">
        <v>101</v>
      </c>
      <c r="B52" s="17"/>
      <c r="C52" s="13">
        <v>2767</v>
      </c>
      <c r="D52" s="19">
        <v>1462</v>
      </c>
      <c r="E52" s="19">
        <v>1305</v>
      </c>
      <c r="F52" s="19"/>
      <c r="G52" s="18" t="s">
        <v>102</v>
      </c>
      <c r="H52" s="17"/>
      <c r="I52" s="13">
        <v>521</v>
      </c>
      <c r="J52" s="19">
        <v>158</v>
      </c>
      <c r="K52" s="19">
        <v>363</v>
      </c>
    </row>
    <row r="53" spans="1:11" ht="20.100000000000001" customHeight="1">
      <c r="A53" s="17" t="s">
        <v>103</v>
      </c>
      <c r="B53" s="17"/>
      <c r="C53" s="13">
        <v>14089</v>
      </c>
      <c r="D53" s="14">
        <v>7338</v>
      </c>
      <c r="E53" s="14">
        <v>6751</v>
      </c>
      <c r="F53" s="14"/>
      <c r="G53" s="18" t="s">
        <v>104</v>
      </c>
      <c r="H53" s="17"/>
      <c r="I53" s="13">
        <v>1474</v>
      </c>
      <c r="J53" s="14">
        <v>448</v>
      </c>
      <c r="K53" s="14">
        <v>1026</v>
      </c>
    </row>
    <row r="54" spans="1:11" ht="15" customHeight="1">
      <c r="A54" s="17" t="s">
        <v>105</v>
      </c>
      <c r="B54" s="17"/>
      <c r="C54" s="13">
        <v>2613</v>
      </c>
      <c r="D54" s="19">
        <v>1323</v>
      </c>
      <c r="E54" s="19">
        <v>1290</v>
      </c>
      <c r="F54" s="19"/>
      <c r="G54" s="18" t="s">
        <v>106</v>
      </c>
      <c r="H54" s="17"/>
      <c r="I54" s="13">
        <v>459</v>
      </c>
      <c r="J54" s="19">
        <v>146</v>
      </c>
      <c r="K54" s="19">
        <v>313</v>
      </c>
    </row>
    <row r="55" spans="1:11" ht="15" customHeight="1">
      <c r="A55" s="17" t="s">
        <v>107</v>
      </c>
      <c r="B55" s="17"/>
      <c r="C55" s="13">
        <v>2743</v>
      </c>
      <c r="D55" s="19">
        <v>1403</v>
      </c>
      <c r="E55" s="19">
        <v>1340</v>
      </c>
      <c r="F55" s="19"/>
      <c r="G55" s="18" t="s">
        <v>108</v>
      </c>
      <c r="H55" s="17"/>
      <c r="I55" s="13">
        <v>332</v>
      </c>
      <c r="J55" s="19">
        <v>110</v>
      </c>
      <c r="K55" s="19">
        <v>222</v>
      </c>
    </row>
    <row r="56" spans="1:11" ht="15" customHeight="1">
      <c r="A56" s="17" t="s">
        <v>109</v>
      </c>
      <c r="B56" s="17"/>
      <c r="C56" s="13">
        <v>2913</v>
      </c>
      <c r="D56" s="19">
        <v>1540</v>
      </c>
      <c r="E56" s="19">
        <v>1373</v>
      </c>
      <c r="F56" s="19"/>
      <c r="G56" s="18" t="s">
        <v>110</v>
      </c>
      <c r="H56" s="17"/>
      <c r="I56" s="13">
        <v>309</v>
      </c>
      <c r="J56" s="19">
        <v>93</v>
      </c>
      <c r="K56" s="19">
        <v>216</v>
      </c>
    </row>
    <row r="57" spans="1:11" ht="15" customHeight="1">
      <c r="A57" s="17" t="s">
        <v>111</v>
      </c>
      <c r="B57" s="17"/>
      <c r="C57" s="13">
        <v>2892</v>
      </c>
      <c r="D57" s="19">
        <v>1513</v>
      </c>
      <c r="E57" s="19">
        <v>1379</v>
      </c>
      <c r="F57" s="19"/>
      <c r="G57" s="18" t="s">
        <v>112</v>
      </c>
      <c r="H57" s="17"/>
      <c r="I57" s="13">
        <v>239</v>
      </c>
      <c r="J57" s="19">
        <v>68</v>
      </c>
      <c r="K57" s="19">
        <v>171</v>
      </c>
    </row>
    <row r="58" spans="1:11" ht="15" customHeight="1">
      <c r="A58" s="17" t="s">
        <v>113</v>
      </c>
      <c r="B58" s="17"/>
      <c r="C58" s="13">
        <v>2928</v>
      </c>
      <c r="D58" s="19">
        <v>1559</v>
      </c>
      <c r="E58" s="19">
        <v>1369</v>
      </c>
      <c r="F58" s="19"/>
      <c r="G58" s="18" t="s">
        <v>114</v>
      </c>
      <c r="H58" s="17"/>
      <c r="I58" s="13">
        <v>135</v>
      </c>
      <c r="J58" s="19">
        <v>31</v>
      </c>
      <c r="K58" s="19">
        <v>104</v>
      </c>
    </row>
    <row r="59" spans="1:11" ht="20.100000000000001" customHeight="1">
      <c r="A59" s="17" t="s">
        <v>115</v>
      </c>
      <c r="B59" s="17"/>
      <c r="C59" s="13">
        <v>14153</v>
      </c>
      <c r="D59" s="14">
        <v>7424</v>
      </c>
      <c r="E59" s="14">
        <v>6729</v>
      </c>
      <c r="F59" s="14"/>
      <c r="G59" s="18" t="s">
        <v>116</v>
      </c>
      <c r="H59" s="17"/>
      <c r="I59" s="13">
        <v>413</v>
      </c>
      <c r="J59" s="14">
        <v>73</v>
      </c>
      <c r="K59" s="14">
        <v>340</v>
      </c>
    </row>
    <row r="60" spans="1:11" ht="15" customHeight="1">
      <c r="A60" s="17" t="s">
        <v>117</v>
      </c>
      <c r="B60" s="17"/>
      <c r="C60" s="13">
        <v>2958</v>
      </c>
      <c r="D60" s="19">
        <v>1549</v>
      </c>
      <c r="E60" s="19">
        <v>1409</v>
      </c>
      <c r="F60" s="19"/>
      <c r="G60" s="18" t="s">
        <v>118</v>
      </c>
      <c r="H60" s="17"/>
      <c r="I60" s="13">
        <v>131</v>
      </c>
      <c r="J60" s="19">
        <v>24</v>
      </c>
      <c r="K60" s="19">
        <v>107</v>
      </c>
    </row>
    <row r="61" spans="1:11" ht="15" customHeight="1">
      <c r="A61" s="17" t="s">
        <v>119</v>
      </c>
      <c r="B61" s="17"/>
      <c r="C61" s="13">
        <v>2933</v>
      </c>
      <c r="D61" s="19">
        <v>1535</v>
      </c>
      <c r="E61" s="19">
        <v>1398</v>
      </c>
      <c r="F61" s="19"/>
      <c r="G61" s="18" t="s">
        <v>120</v>
      </c>
      <c r="H61" s="17"/>
      <c r="I61" s="13">
        <v>111</v>
      </c>
      <c r="J61" s="19">
        <v>27</v>
      </c>
      <c r="K61" s="19">
        <v>84</v>
      </c>
    </row>
    <row r="62" spans="1:11" ht="15" customHeight="1">
      <c r="A62" s="17" t="s">
        <v>121</v>
      </c>
      <c r="B62" s="17"/>
      <c r="C62" s="13">
        <v>2845</v>
      </c>
      <c r="D62" s="19">
        <v>1452</v>
      </c>
      <c r="E62" s="19">
        <v>1393</v>
      </c>
      <c r="F62" s="19"/>
      <c r="G62" s="18" t="s">
        <v>122</v>
      </c>
      <c r="H62" s="17"/>
      <c r="I62" s="13">
        <v>78</v>
      </c>
      <c r="J62" s="19">
        <v>9</v>
      </c>
      <c r="K62" s="19">
        <v>69</v>
      </c>
    </row>
    <row r="63" spans="1:11" ht="15" customHeight="1">
      <c r="A63" s="17" t="s">
        <v>123</v>
      </c>
      <c r="B63" s="17"/>
      <c r="C63" s="13">
        <v>2811</v>
      </c>
      <c r="D63" s="19">
        <v>1492</v>
      </c>
      <c r="E63" s="19">
        <v>1319</v>
      </c>
      <c r="F63" s="19"/>
      <c r="G63" s="18" t="s">
        <v>124</v>
      </c>
      <c r="H63" s="17"/>
      <c r="I63" s="13">
        <v>51</v>
      </c>
      <c r="J63" s="19">
        <v>6</v>
      </c>
      <c r="K63" s="19">
        <v>45</v>
      </c>
    </row>
    <row r="64" spans="1:11" ht="15" customHeight="1">
      <c r="A64" s="17" t="s">
        <v>125</v>
      </c>
      <c r="B64" s="17"/>
      <c r="C64" s="13">
        <v>2606</v>
      </c>
      <c r="D64" s="19">
        <v>1396</v>
      </c>
      <c r="E64" s="19">
        <v>1210</v>
      </c>
      <c r="F64" s="19"/>
      <c r="G64" s="18" t="s">
        <v>126</v>
      </c>
      <c r="H64" s="17"/>
      <c r="I64" s="13">
        <v>42</v>
      </c>
      <c r="J64" s="19">
        <v>7</v>
      </c>
      <c r="K64" s="19">
        <v>3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88</v>
      </c>
      <c r="J65" s="19">
        <v>16</v>
      </c>
      <c r="K65" s="19">
        <v>7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054</v>
      </c>
      <c r="J66" s="29">
        <v>2445</v>
      </c>
      <c r="K66" s="29">
        <v>160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3" pageOrder="overThenDown" orientation="portrait" blackAndWhite="1" useFirstPageNumber="1" horizontalDpi="300" verticalDpi="300"/>
  <headerFooter scaleWithDoc="0"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5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58542</v>
      </c>
      <c r="D4" s="14">
        <v>131799</v>
      </c>
      <c r="E4" s="14">
        <v>12674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3060</v>
      </c>
      <c r="D5" s="14">
        <v>6693</v>
      </c>
      <c r="E5" s="14">
        <v>6367</v>
      </c>
      <c r="F5" s="14"/>
      <c r="G5" s="18" t="s">
        <v>8</v>
      </c>
      <c r="H5" s="17"/>
      <c r="I5" s="13">
        <v>19112</v>
      </c>
      <c r="J5" s="14">
        <v>10223</v>
      </c>
      <c r="K5" s="14">
        <v>8889</v>
      </c>
    </row>
    <row r="6" spans="1:11" ht="15" customHeight="1">
      <c r="A6" s="17" t="s">
        <v>9</v>
      </c>
      <c r="B6" s="17"/>
      <c r="C6" s="13">
        <v>2805</v>
      </c>
      <c r="D6" s="19">
        <v>1485</v>
      </c>
      <c r="E6" s="19">
        <v>1320</v>
      </c>
      <c r="F6" s="19"/>
      <c r="G6" s="18" t="s">
        <v>10</v>
      </c>
      <c r="H6" s="17"/>
      <c r="I6" s="13">
        <v>4256</v>
      </c>
      <c r="J6" s="19">
        <v>2251</v>
      </c>
      <c r="K6" s="19">
        <v>2005</v>
      </c>
    </row>
    <row r="7" spans="1:11" ht="15" customHeight="1">
      <c r="A7" s="17" t="s">
        <v>11</v>
      </c>
      <c r="B7" s="17"/>
      <c r="C7" s="13">
        <v>2770</v>
      </c>
      <c r="D7" s="19">
        <v>1398</v>
      </c>
      <c r="E7" s="19">
        <v>1372</v>
      </c>
      <c r="F7" s="19"/>
      <c r="G7" s="18" t="s">
        <v>12</v>
      </c>
      <c r="H7" s="17"/>
      <c r="I7" s="13">
        <v>4367</v>
      </c>
      <c r="J7" s="19">
        <v>2415</v>
      </c>
      <c r="K7" s="19">
        <v>1952</v>
      </c>
    </row>
    <row r="8" spans="1:11" ht="15" customHeight="1">
      <c r="A8" s="17" t="s">
        <v>13</v>
      </c>
      <c r="B8" s="17"/>
      <c r="C8" s="13">
        <v>2683</v>
      </c>
      <c r="D8" s="19">
        <v>1392</v>
      </c>
      <c r="E8" s="19">
        <v>1291</v>
      </c>
      <c r="F8" s="19"/>
      <c r="G8" s="18" t="s">
        <v>14</v>
      </c>
      <c r="H8" s="17"/>
      <c r="I8" s="13">
        <v>3022</v>
      </c>
      <c r="J8" s="19">
        <v>1601</v>
      </c>
      <c r="K8" s="19">
        <v>1421</v>
      </c>
    </row>
    <row r="9" spans="1:11" ht="15" customHeight="1">
      <c r="A9" s="17" t="s">
        <v>15</v>
      </c>
      <c r="B9" s="17"/>
      <c r="C9" s="13">
        <v>2414</v>
      </c>
      <c r="D9" s="19">
        <v>1222</v>
      </c>
      <c r="E9" s="19">
        <v>1192</v>
      </c>
      <c r="F9" s="19"/>
      <c r="G9" s="18" t="s">
        <v>16</v>
      </c>
      <c r="H9" s="17"/>
      <c r="I9" s="13">
        <v>3919</v>
      </c>
      <c r="J9" s="19">
        <v>2060</v>
      </c>
      <c r="K9" s="19">
        <v>1859</v>
      </c>
    </row>
    <row r="10" spans="1:11" ht="15" customHeight="1">
      <c r="A10" s="17" t="s">
        <v>17</v>
      </c>
      <c r="B10" s="17"/>
      <c r="C10" s="13">
        <v>2388</v>
      </c>
      <c r="D10" s="19">
        <v>1196</v>
      </c>
      <c r="E10" s="19">
        <v>1192</v>
      </c>
      <c r="F10" s="19"/>
      <c r="G10" s="18" t="s">
        <v>18</v>
      </c>
      <c r="H10" s="17"/>
      <c r="I10" s="13">
        <v>3548</v>
      </c>
      <c r="J10" s="19">
        <v>1896</v>
      </c>
      <c r="K10" s="19">
        <v>1652</v>
      </c>
    </row>
    <row r="11" spans="1:11" ht="20.100000000000001" customHeight="1">
      <c r="A11" s="17" t="s">
        <v>19</v>
      </c>
      <c r="B11" s="17"/>
      <c r="C11" s="13">
        <v>10720</v>
      </c>
      <c r="D11" s="14">
        <v>5468</v>
      </c>
      <c r="E11" s="14">
        <v>5252</v>
      </c>
      <c r="F11" s="14"/>
      <c r="G11" s="18" t="s">
        <v>20</v>
      </c>
      <c r="H11" s="17"/>
      <c r="I11" s="13">
        <v>14102</v>
      </c>
      <c r="J11" s="14">
        <v>7623</v>
      </c>
      <c r="K11" s="14">
        <v>6479</v>
      </c>
    </row>
    <row r="12" spans="1:11" ht="15" customHeight="1">
      <c r="A12" s="17" t="s">
        <v>21</v>
      </c>
      <c r="B12" s="17"/>
      <c r="C12" s="13">
        <v>2204</v>
      </c>
      <c r="D12" s="19">
        <v>1134</v>
      </c>
      <c r="E12" s="19">
        <v>1070</v>
      </c>
      <c r="F12" s="19"/>
      <c r="G12" s="18" t="s">
        <v>22</v>
      </c>
      <c r="H12" s="17"/>
      <c r="I12" s="13">
        <v>3309</v>
      </c>
      <c r="J12" s="19">
        <v>1804</v>
      </c>
      <c r="K12" s="19">
        <v>1505</v>
      </c>
    </row>
    <row r="13" spans="1:11" ht="15" customHeight="1">
      <c r="A13" s="17" t="s">
        <v>23</v>
      </c>
      <c r="B13" s="17"/>
      <c r="C13" s="13">
        <v>2180</v>
      </c>
      <c r="D13" s="19">
        <v>1144</v>
      </c>
      <c r="E13" s="19">
        <v>1036</v>
      </c>
      <c r="F13" s="19"/>
      <c r="G13" s="18" t="s">
        <v>24</v>
      </c>
      <c r="H13" s="17"/>
      <c r="I13" s="13">
        <v>2989</v>
      </c>
      <c r="J13" s="19">
        <v>1604</v>
      </c>
      <c r="K13" s="19">
        <v>1385</v>
      </c>
    </row>
    <row r="14" spans="1:11" ht="15" customHeight="1">
      <c r="A14" s="17" t="s">
        <v>25</v>
      </c>
      <c r="B14" s="17"/>
      <c r="C14" s="13">
        <v>2152</v>
      </c>
      <c r="D14" s="19">
        <v>1086</v>
      </c>
      <c r="E14" s="19">
        <v>1066</v>
      </c>
      <c r="F14" s="19"/>
      <c r="G14" s="18" t="s">
        <v>26</v>
      </c>
      <c r="H14" s="17"/>
      <c r="I14" s="13">
        <v>2690</v>
      </c>
      <c r="J14" s="19">
        <v>1439</v>
      </c>
      <c r="K14" s="19">
        <v>1251</v>
      </c>
    </row>
    <row r="15" spans="1:11" ht="15" customHeight="1">
      <c r="A15" s="17" t="s">
        <v>27</v>
      </c>
      <c r="B15" s="17"/>
      <c r="C15" s="13">
        <v>2084</v>
      </c>
      <c r="D15" s="19">
        <v>1037</v>
      </c>
      <c r="E15" s="19">
        <v>1047</v>
      </c>
      <c r="F15" s="19"/>
      <c r="G15" s="18" t="s">
        <v>28</v>
      </c>
      <c r="H15" s="17"/>
      <c r="I15" s="13">
        <v>2671</v>
      </c>
      <c r="J15" s="19">
        <v>1428</v>
      </c>
      <c r="K15" s="19">
        <v>1243</v>
      </c>
    </row>
    <row r="16" spans="1:11" ht="15" customHeight="1">
      <c r="A16" s="17" t="s">
        <v>29</v>
      </c>
      <c r="B16" s="17"/>
      <c r="C16" s="13">
        <v>2100</v>
      </c>
      <c r="D16" s="19">
        <v>1067</v>
      </c>
      <c r="E16" s="19">
        <v>1033</v>
      </c>
      <c r="F16" s="19"/>
      <c r="G16" s="18" t="s">
        <v>30</v>
      </c>
      <c r="H16" s="17"/>
      <c r="I16" s="13">
        <v>2443</v>
      </c>
      <c r="J16" s="19">
        <v>1348</v>
      </c>
      <c r="K16" s="19">
        <v>1095</v>
      </c>
    </row>
    <row r="17" spans="1:11" ht="20.100000000000001" customHeight="1">
      <c r="A17" s="20" t="s">
        <v>31</v>
      </c>
      <c r="B17" s="20"/>
      <c r="C17" s="13">
        <v>9689</v>
      </c>
      <c r="D17" s="14">
        <v>5061</v>
      </c>
      <c r="E17" s="14">
        <v>4628</v>
      </c>
      <c r="F17" s="14"/>
      <c r="G17" s="18" t="s">
        <v>32</v>
      </c>
      <c r="H17" s="17"/>
      <c r="I17" s="13">
        <v>10648</v>
      </c>
      <c r="J17" s="14">
        <v>5622</v>
      </c>
      <c r="K17" s="14">
        <v>5026</v>
      </c>
    </row>
    <row r="18" spans="1:11" ht="15" customHeight="1">
      <c r="A18" s="17" t="s">
        <v>33</v>
      </c>
      <c r="B18" s="17"/>
      <c r="C18" s="13">
        <v>2028</v>
      </c>
      <c r="D18" s="19">
        <v>1034</v>
      </c>
      <c r="E18" s="19">
        <v>994</v>
      </c>
      <c r="F18" s="19"/>
      <c r="G18" s="18" t="s">
        <v>34</v>
      </c>
      <c r="H18" s="17"/>
      <c r="I18" s="13">
        <v>2389</v>
      </c>
      <c r="J18" s="19">
        <v>1300</v>
      </c>
      <c r="K18" s="19">
        <v>1089</v>
      </c>
    </row>
    <row r="19" spans="1:11" ht="15" customHeight="1">
      <c r="A19" s="17" t="s">
        <v>35</v>
      </c>
      <c r="B19" s="17"/>
      <c r="C19" s="13">
        <v>1918</v>
      </c>
      <c r="D19" s="19">
        <v>1011</v>
      </c>
      <c r="E19" s="19">
        <v>907</v>
      </c>
      <c r="F19" s="19"/>
      <c r="G19" s="18" t="s">
        <v>36</v>
      </c>
      <c r="H19" s="17"/>
      <c r="I19" s="13">
        <v>2110</v>
      </c>
      <c r="J19" s="19">
        <v>1114</v>
      </c>
      <c r="K19" s="19">
        <v>996</v>
      </c>
    </row>
    <row r="20" spans="1:11" ht="15" customHeight="1">
      <c r="A20" s="17" t="s">
        <v>37</v>
      </c>
      <c r="B20" s="17"/>
      <c r="C20" s="13">
        <v>1963</v>
      </c>
      <c r="D20" s="19">
        <v>1045</v>
      </c>
      <c r="E20" s="19">
        <v>918</v>
      </c>
      <c r="F20" s="19"/>
      <c r="G20" s="18" t="s">
        <v>38</v>
      </c>
      <c r="H20" s="17"/>
      <c r="I20" s="13">
        <v>2166</v>
      </c>
      <c r="J20" s="19">
        <v>1149</v>
      </c>
      <c r="K20" s="19">
        <v>1017</v>
      </c>
    </row>
    <row r="21" spans="1:11" ht="15" customHeight="1">
      <c r="A21" s="17" t="s">
        <v>39</v>
      </c>
      <c r="B21" s="17"/>
      <c r="C21" s="13">
        <v>1853</v>
      </c>
      <c r="D21" s="19">
        <v>962</v>
      </c>
      <c r="E21" s="19">
        <v>891</v>
      </c>
      <c r="F21" s="19"/>
      <c r="G21" s="18" t="s">
        <v>40</v>
      </c>
      <c r="H21" s="17"/>
      <c r="I21" s="13">
        <v>2030</v>
      </c>
      <c r="J21" s="19">
        <v>1063</v>
      </c>
      <c r="K21" s="19">
        <v>967</v>
      </c>
    </row>
    <row r="22" spans="1:11" ht="15" customHeight="1">
      <c r="A22" s="17" t="s">
        <v>41</v>
      </c>
      <c r="B22" s="17"/>
      <c r="C22" s="13">
        <v>1927</v>
      </c>
      <c r="D22" s="19">
        <v>1009</v>
      </c>
      <c r="E22" s="19">
        <v>918</v>
      </c>
      <c r="F22" s="19"/>
      <c r="G22" s="18" t="s">
        <v>42</v>
      </c>
      <c r="H22" s="17"/>
      <c r="I22" s="13">
        <v>1953</v>
      </c>
      <c r="J22" s="19">
        <v>996</v>
      </c>
      <c r="K22" s="19">
        <v>957</v>
      </c>
    </row>
    <row r="23" spans="1:11" ht="20.100000000000001" customHeight="1">
      <c r="A23" s="17" t="s">
        <v>43</v>
      </c>
      <c r="B23" s="17"/>
      <c r="C23" s="13">
        <v>9604</v>
      </c>
      <c r="D23" s="14">
        <v>4882</v>
      </c>
      <c r="E23" s="14">
        <v>4722</v>
      </c>
      <c r="F23" s="14"/>
      <c r="G23" s="18" t="s">
        <v>44</v>
      </c>
      <c r="H23" s="17"/>
      <c r="I23" s="13">
        <v>10677</v>
      </c>
      <c r="J23" s="14">
        <v>5375</v>
      </c>
      <c r="K23" s="14">
        <v>5302</v>
      </c>
    </row>
    <row r="24" spans="1:11" ht="15" customHeight="1">
      <c r="A24" s="17" t="s">
        <v>45</v>
      </c>
      <c r="B24" s="17"/>
      <c r="C24" s="13">
        <v>1921</v>
      </c>
      <c r="D24" s="19">
        <v>978</v>
      </c>
      <c r="E24" s="19">
        <v>943</v>
      </c>
      <c r="F24" s="19"/>
      <c r="G24" s="18" t="s">
        <v>46</v>
      </c>
      <c r="H24" s="17"/>
      <c r="I24" s="13">
        <v>1927</v>
      </c>
      <c r="J24" s="19">
        <v>996</v>
      </c>
      <c r="K24" s="19">
        <v>931</v>
      </c>
    </row>
    <row r="25" spans="1:11" ht="15" customHeight="1">
      <c r="A25" s="17" t="s">
        <v>47</v>
      </c>
      <c r="B25" s="17"/>
      <c r="C25" s="13">
        <v>1835</v>
      </c>
      <c r="D25" s="19">
        <v>947</v>
      </c>
      <c r="E25" s="19">
        <v>888</v>
      </c>
      <c r="F25" s="19"/>
      <c r="G25" s="18" t="s">
        <v>48</v>
      </c>
      <c r="H25" s="17"/>
      <c r="I25" s="13">
        <v>2063</v>
      </c>
      <c r="J25" s="19">
        <v>1062</v>
      </c>
      <c r="K25" s="19">
        <v>1001</v>
      </c>
    </row>
    <row r="26" spans="1:11" ht="15" customHeight="1">
      <c r="A26" s="17" t="s">
        <v>49</v>
      </c>
      <c r="B26" s="17"/>
      <c r="C26" s="13">
        <v>1855</v>
      </c>
      <c r="D26" s="19">
        <v>977</v>
      </c>
      <c r="E26" s="19">
        <v>878</v>
      </c>
      <c r="F26" s="19"/>
      <c r="G26" s="18" t="s">
        <v>50</v>
      </c>
      <c r="H26" s="17"/>
      <c r="I26" s="13">
        <v>1994</v>
      </c>
      <c r="J26" s="19">
        <v>977</v>
      </c>
      <c r="K26" s="19">
        <v>1017</v>
      </c>
    </row>
    <row r="27" spans="1:11" ht="15" customHeight="1">
      <c r="A27" s="17" t="s">
        <v>51</v>
      </c>
      <c r="B27" s="17"/>
      <c r="C27" s="13">
        <v>1994</v>
      </c>
      <c r="D27" s="19">
        <v>1003</v>
      </c>
      <c r="E27" s="19">
        <v>991</v>
      </c>
      <c r="F27" s="19"/>
      <c r="G27" s="18" t="s">
        <v>52</v>
      </c>
      <c r="H27" s="17"/>
      <c r="I27" s="13">
        <v>2290</v>
      </c>
      <c r="J27" s="19">
        <v>1159</v>
      </c>
      <c r="K27" s="19">
        <v>1131</v>
      </c>
    </row>
    <row r="28" spans="1:11" ht="15" customHeight="1">
      <c r="A28" s="17" t="s">
        <v>53</v>
      </c>
      <c r="B28" s="17"/>
      <c r="C28" s="13">
        <v>1999</v>
      </c>
      <c r="D28" s="19">
        <v>977</v>
      </c>
      <c r="E28" s="19">
        <v>1022</v>
      </c>
      <c r="F28" s="19"/>
      <c r="G28" s="18" t="s">
        <v>54</v>
      </c>
      <c r="H28" s="17"/>
      <c r="I28" s="13">
        <v>2403</v>
      </c>
      <c r="J28" s="19">
        <v>1181</v>
      </c>
      <c r="K28" s="19">
        <v>1222</v>
      </c>
    </row>
    <row r="29" spans="1:11" ht="20.100000000000001" customHeight="1">
      <c r="A29" s="17" t="s">
        <v>55</v>
      </c>
      <c r="B29" s="17"/>
      <c r="C29" s="13">
        <v>15550</v>
      </c>
      <c r="D29" s="14">
        <v>8094</v>
      </c>
      <c r="E29" s="14">
        <v>7456</v>
      </c>
      <c r="F29" s="14"/>
      <c r="G29" s="18" t="s">
        <v>56</v>
      </c>
      <c r="H29" s="17"/>
      <c r="I29" s="13">
        <v>9062</v>
      </c>
      <c r="J29" s="14">
        <v>4375</v>
      </c>
      <c r="K29" s="14">
        <v>4687</v>
      </c>
    </row>
    <row r="30" spans="1:11" ht="15" customHeight="1">
      <c r="A30" s="17" t="s">
        <v>57</v>
      </c>
      <c r="B30" s="17"/>
      <c r="C30" s="13">
        <v>2178</v>
      </c>
      <c r="D30" s="19">
        <v>1079</v>
      </c>
      <c r="E30" s="19">
        <v>1099</v>
      </c>
      <c r="F30" s="19"/>
      <c r="G30" s="18" t="s">
        <v>58</v>
      </c>
      <c r="H30" s="17"/>
      <c r="I30" s="13">
        <v>2374</v>
      </c>
      <c r="J30" s="19">
        <v>1186</v>
      </c>
      <c r="K30" s="19">
        <v>1188</v>
      </c>
    </row>
    <row r="31" spans="1:11" ht="15" customHeight="1">
      <c r="A31" s="17" t="s">
        <v>59</v>
      </c>
      <c r="B31" s="17"/>
      <c r="C31" s="13">
        <v>2522</v>
      </c>
      <c r="D31" s="19">
        <v>1324</v>
      </c>
      <c r="E31" s="19">
        <v>1198</v>
      </c>
      <c r="F31" s="19"/>
      <c r="G31" s="18" t="s">
        <v>60</v>
      </c>
      <c r="H31" s="17"/>
      <c r="I31" s="13">
        <v>2131</v>
      </c>
      <c r="J31" s="19">
        <v>1059</v>
      </c>
      <c r="K31" s="19">
        <v>1072</v>
      </c>
    </row>
    <row r="32" spans="1:11" ht="15" customHeight="1">
      <c r="A32" s="17" t="s">
        <v>61</v>
      </c>
      <c r="B32" s="17"/>
      <c r="C32" s="13">
        <v>2987</v>
      </c>
      <c r="D32" s="19">
        <v>1585</v>
      </c>
      <c r="E32" s="19">
        <v>1402</v>
      </c>
      <c r="F32" s="19"/>
      <c r="G32" s="18" t="s">
        <v>62</v>
      </c>
      <c r="H32" s="17"/>
      <c r="I32" s="13">
        <v>1525</v>
      </c>
      <c r="J32" s="19">
        <v>722</v>
      </c>
      <c r="K32" s="19">
        <v>803</v>
      </c>
    </row>
    <row r="33" spans="1:11" ht="15" customHeight="1">
      <c r="A33" s="17" t="s">
        <v>63</v>
      </c>
      <c r="B33" s="17"/>
      <c r="C33" s="13">
        <v>3824</v>
      </c>
      <c r="D33" s="19">
        <v>2035</v>
      </c>
      <c r="E33" s="19">
        <v>1789</v>
      </c>
      <c r="F33" s="19"/>
      <c r="G33" s="18" t="s">
        <v>64</v>
      </c>
      <c r="H33" s="17"/>
      <c r="I33" s="13">
        <v>1377</v>
      </c>
      <c r="J33" s="19">
        <v>630</v>
      </c>
      <c r="K33" s="19">
        <v>747</v>
      </c>
    </row>
    <row r="34" spans="1:11" ht="15" customHeight="1">
      <c r="A34" s="17" t="s">
        <v>65</v>
      </c>
      <c r="B34" s="17"/>
      <c r="C34" s="13">
        <v>4039</v>
      </c>
      <c r="D34" s="19">
        <v>2071</v>
      </c>
      <c r="E34" s="19">
        <v>1968</v>
      </c>
      <c r="F34" s="19"/>
      <c r="G34" s="18" t="s">
        <v>66</v>
      </c>
      <c r="H34" s="17"/>
      <c r="I34" s="13">
        <v>1655</v>
      </c>
      <c r="J34" s="19">
        <v>778</v>
      </c>
      <c r="K34" s="19">
        <v>877</v>
      </c>
    </row>
    <row r="35" spans="1:11" ht="20.100000000000001" customHeight="1">
      <c r="A35" s="17" t="s">
        <v>67</v>
      </c>
      <c r="B35" s="17"/>
      <c r="C35" s="13">
        <v>22121</v>
      </c>
      <c r="D35" s="14">
        <v>11606</v>
      </c>
      <c r="E35" s="14">
        <v>10515</v>
      </c>
      <c r="F35" s="14"/>
      <c r="G35" s="18" t="s">
        <v>68</v>
      </c>
      <c r="H35" s="17"/>
      <c r="I35" s="13">
        <v>7594</v>
      </c>
      <c r="J35" s="14">
        <v>3396</v>
      </c>
      <c r="K35" s="14">
        <v>4198</v>
      </c>
    </row>
    <row r="36" spans="1:11" ht="15" customHeight="1">
      <c r="A36" s="17" t="s">
        <v>69</v>
      </c>
      <c r="B36" s="17"/>
      <c r="C36" s="13">
        <v>4368</v>
      </c>
      <c r="D36" s="19">
        <v>2319</v>
      </c>
      <c r="E36" s="19">
        <v>2049</v>
      </c>
      <c r="F36" s="19"/>
      <c r="G36" s="18" t="s">
        <v>70</v>
      </c>
      <c r="H36" s="17"/>
      <c r="I36" s="13">
        <v>1755</v>
      </c>
      <c r="J36" s="19">
        <v>816</v>
      </c>
      <c r="K36" s="19">
        <v>939</v>
      </c>
    </row>
    <row r="37" spans="1:11" ht="15" customHeight="1">
      <c r="A37" s="17" t="s">
        <v>71</v>
      </c>
      <c r="B37" s="17"/>
      <c r="C37" s="13">
        <v>4567</v>
      </c>
      <c r="D37" s="19">
        <v>2518</v>
      </c>
      <c r="E37" s="19">
        <v>2049</v>
      </c>
      <c r="F37" s="19"/>
      <c r="G37" s="18" t="s">
        <v>72</v>
      </c>
      <c r="H37" s="17"/>
      <c r="I37" s="13">
        <v>1558</v>
      </c>
      <c r="J37" s="19">
        <v>683</v>
      </c>
      <c r="K37" s="19">
        <v>875</v>
      </c>
    </row>
    <row r="38" spans="1:11" ht="15" customHeight="1">
      <c r="A38" s="17" t="s">
        <v>73</v>
      </c>
      <c r="B38" s="17"/>
      <c r="C38" s="13">
        <v>4451</v>
      </c>
      <c r="D38" s="19">
        <v>2356</v>
      </c>
      <c r="E38" s="19">
        <v>2095</v>
      </c>
      <c r="F38" s="19"/>
      <c r="G38" s="18" t="s">
        <v>74</v>
      </c>
      <c r="H38" s="17"/>
      <c r="I38" s="13">
        <v>1645</v>
      </c>
      <c r="J38" s="19">
        <v>767</v>
      </c>
      <c r="K38" s="19">
        <v>878</v>
      </c>
    </row>
    <row r="39" spans="1:11" ht="15" customHeight="1">
      <c r="A39" s="17" t="s">
        <v>75</v>
      </c>
      <c r="B39" s="17"/>
      <c r="C39" s="13">
        <v>4401</v>
      </c>
      <c r="D39" s="19">
        <v>2268</v>
      </c>
      <c r="E39" s="19">
        <v>2133</v>
      </c>
      <c r="F39" s="19"/>
      <c r="G39" s="18" t="s">
        <v>76</v>
      </c>
      <c r="H39" s="17"/>
      <c r="I39" s="13">
        <v>1360</v>
      </c>
      <c r="J39" s="19">
        <v>587</v>
      </c>
      <c r="K39" s="19">
        <v>773</v>
      </c>
    </row>
    <row r="40" spans="1:11" ht="15" customHeight="1">
      <c r="A40" s="17" t="s">
        <v>77</v>
      </c>
      <c r="B40" s="17"/>
      <c r="C40" s="13">
        <v>4334</v>
      </c>
      <c r="D40" s="19">
        <v>2145</v>
      </c>
      <c r="E40" s="19">
        <v>2189</v>
      </c>
      <c r="F40" s="19"/>
      <c r="G40" s="18" t="s">
        <v>78</v>
      </c>
      <c r="H40" s="17"/>
      <c r="I40" s="13">
        <v>1276</v>
      </c>
      <c r="J40" s="19">
        <v>543</v>
      </c>
      <c r="K40" s="19">
        <v>733</v>
      </c>
    </row>
    <row r="41" spans="1:11" ht="20.100000000000001" customHeight="1">
      <c r="A41" s="17" t="s">
        <v>79</v>
      </c>
      <c r="B41" s="17"/>
      <c r="C41" s="13">
        <v>23134</v>
      </c>
      <c r="D41" s="14">
        <v>11862</v>
      </c>
      <c r="E41" s="14">
        <v>11272</v>
      </c>
      <c r="F41" s="14"/>
      <c r="G41" s="18" t="s">
        <v>80</v>
      </c>
      <c r="H41" s="17"/>
      <c r="I41" s="13">
        <v>5634</v>
      </c>
      <c r="J41" s="14">
        <v>2190</v>
      </c>
      <c r="K41" s="14">
        <v>3444</v>
      </c>
    </row>
    <row r="42" spans="1:11" ht="15" customHeight="1">
      <c r="A42" s="17" t="s">
        <v>81</v>
      </c>
      <c r="B42" s="17"/>
      <c r="C42" s="13">
        <v>4535</v>
      </c>
      <c r="D42" s="19">
        <v>2309</v>
      </c>
      <c r="E42" s="19">
        <v>2226</v>
      </c>
      <c r="F42" s="19"/>
      <c r="G42" s="18" t="s">
        <v>82</v>
      </c>
      <c r="H42" s="17"/>
      <c r="I42" s="13">
        <v>1172</v>
      </c>
      <c r="J42" s="19">
        <v>486</v>
      </c>
      <c r="K42" s="19">
        <v>686</v>
      </c>
    </row>
    <row r="43" spans="1:11" ht="15" customHeight="1">
      <c r="A43" s="17" t="s">
        <v>83</v>
      </c>
      <c r="B43" s="17"/>
      <c r="C43" s="13">
        <v>4579</v>
      </c>
      <c r="D43" s="19">
        <v>2343</v>
      </c>
      <c r="E43" s="19">
        <v>2236</v>
      </c>
      <c r="F43" s="19"/>
      <c r="G43" s="18" t="s">
        <v>84</v>
      </c>
      <c r="H43" s="17"/>
      <c r="I43" s="13">
        <v>1234</v>
      </c>
      <c r="J43" s="19">
        <v>483</v>
      </c>
      <c r="K43" s="19">
        <v>751</v>
      </c>
    </row>
    <row r="44" spans="1:11" ht="15" customHeight="1">
      <c r="A44" s="17" t="s">
        <v>85</v>
      </c>
      <c r="B44" s="17"/>
      <c r="C44" s="13">
        <v>4617</v>
      </c>
      <c r="D44" s="19">
        <v>2360</v>
      </c>
      <c r="E44" s="19">
        <v>2257</v>
      </c>
      <c r="F44" s="19"/>
      <c r="G44" s="18" t="s">
        <v>86</v>
      </c>
      <c r="H44" s="17"/>
      <c r="I44" s="13">
        <v>1120</v>
      </c>
      <c r="J44" s="19">
        <v>463</v>
      </c>
      <c r="K44" s="19">
        <v>657</v>
      </c>
    </row>
    <row r="45" spans="1:11" ht="15" customHeight="1">
      <c r="A45" s="17" t="s">
        <v>87</v>
      </c>
      <c r="B45" s="17"/>
      <c r="C45" s="13">
        <v>4669</v>
      </c>
      <c r="D45" s="19">
        <v>2402</v>
      </c>
      <c r="E45" s="19">
        <v>2267</v>
      </c>
      <c r="F45" s="19"/>
      <c r="G45" s="18" t="s">
        <v>88</v>
      </c>
      <c r="H45" s="17"/>
      <c r="I45" s="13">
        <v>1120</v>
      </c>
      <c r="J45" s="19">
        <v>410</v>
      </c>
      <c r="K45" s="19">
        <v>710</v>
      </c>
    </row>
    <row r="46" spans="1:11" ht="15" customHeight="1">
      <c r="A46" s="17" t="s">
        <v>89</v>
      </c>
      <c r="B46" s="17"/>
      <c r="C46" s="13">
        <v>4734</v>
      </c>
      <c r="D46" s="19">
        <v>2448</v>
      </c>
      <c r="E46" s="19">
        <v>2286</v>
      </c>
      <c r="F46" s="19"/>
      <c r="G46" s="18" t="s">
        <v>90</v>
      </c>
      <c r="H46" s="17"/>
      <c r="I46" s="13">
        <v>988</v>
      </c>
      <c r="J46" s="19">
        <v>348</v>
      </c>
      <c r="K46" s="19">
        <v>640</v>
      </c>
    </row>
    <row r="47" spans="1:11" ht="20.100000000000001" customHeight="1">
      <c r="A47" s="17" t="s">
        <v>91</v>
      </c>
      <c r="B47" s="17"/>
      <c r="C47" s="13">
        <v>22546</v>
      </c>
      <c r="D47" s="14">
        <v>11628</v>
      </c>
      <c r="E47" s="14">
        <v>10918</v>
      </c>
      <c r="F47" s="14"/>
      <c r="G47" s="18" t="s">
        <v>92</v>
      </c>
      <c r="H47" s="17"/>
      <c r="I47" s="13">
        <v>3712</v>
      </c>
      <c r="J47" s="14">
        <v>1264</v>
      </c>
      <c r="K47" s="14">
        <v>2448</v>
      </c>
    </row>
    <row r="48" spans="1:11" ht="15" customHeight="1">
      <c r="A48" s="17" t="s">
        <v>93</v>
      </c>
      <c r="B48" s="17"/>
      <c r="C48" s="13">
        <v>4737</v>
      </c>
      <c r="D48" s="19">
        <v>2488</v>
      </c>
      <c r="E48" s="19">
        <v>2249</v>
      </c>
      <c r="F48" s="19"/>
      <c r="G48" s="18" t="s">
        <v>94</v>
      </c>
      <c r="H48" s="17"/>
      <c r="I48" s="13">
        <v>889</v>
      </c>
      <c r="J48" s="19">
        <v>324</v>
      </c>
      <c r="K48" s="19">
        <v>565</v>
      </c>
    </row>
    <row r="49" spans="1:11" ht="15" customHeight="1">
      <c r="A49" s="17" t="s">
        <v>95</v>
      </c>
      <c r="B49" s="17"/>
      <c r="C49" s="13">
        <v>4486</v>
      </c>
      <c r="D49" s="19">
        <v>2339</v>
      </c>
      <c r="E49" s="19">
        <v>2147</v>
      </c>
      <c r="F49" s="19"/>
      <c r="G49" s="18" t="s">
        <v>96</v>
      </c>
      <c r="H49" s="17"/>
      <c r="I49" s="13">
        <v>824</v>
      </c>
      <c r="J49" s="19">
        <v>263</v>
      </c>
      <c r="K49" s="19">
        <v>561</v>
      </c>
    </row>
    <row r="50" spans="1:11" ht="15" customHeight="1">
      <c r="A50" s="17" t="s">
        <v>97</v>
      </c>
      <c r="B50" s="17"/>
      <c r="C50" s="13">
        <v>4356</v>
      </c>
      <c r="D50" s="19">
        <v>2238</v>
      </c>
      <c r="E50" s="19">
        <v>2118</v>
      </c>
      <c r="F50" s="19"/>
      <c r="G50" s="18" t="s">
        <v>98</v>
      </c>
      <c r="H50" s="17"/>
      <c r="I50" s="13">
        <v>720</v>
      </c>
      <c r="J50" s="19">
        <v>248</v>
      </c>
      <c r="K50" s="19">
        <v>472</v>
      </c>
    </row>
    <row r="51" spans="1:11" ht="15" customHeight="1">
      <c r="A51" s="17" t="s">
        <v>99</v>
      </c>
      <c r="B51" s="17"/>
      <c r="C51" s="13">
        <v>4454</v>
      </c>
      <c r="D51" s="19">
        <v>2221</v>
      </c>
      <c r="E51" s="19">
        <v>2233</v>
      </c>
      <c r="F51" s="19"/>
      <c r="G51" s="18" t="s">
        <v>100</v>
      </c>
      <c r="H51" s="17"/>
      <c r="I51" s="13">
        <v>648</v>
      </c>
      <c r="J51" s="19">
        <v>216</v>
      </c>
      <c r="K51" s="19">
        <v>432</v>
      </c>
    </row>
    <row r="52" spans="1:11" ht="15" customHeight="1">
      <c r="A52" s="17" t="s">
        <v>101</v>
      </c>
      <c r="B52" s="17"/>
      <c r="C52" s="13">
        <v>4513</v>
      </c>
      <c r="D52" s="19">
        <v>2342</v>
      </c>
      <c r="E52" s="19">
        <v>2171</v>
      </c>
      <c r="F52" s="19"/>
      <c r="G52" s="18" t="s">
        <v>102</v>
      </c>
      <c r="H52" s="17"/>
      <c r="I52" s="13">
        <v>631</v>
      </c>
      <c r="J52" s="19">
        <v>213</v>
      </c>
      <c r="K52" s="19">
        <v>418</v>
      </c>
    </row>
    <row r="53" spans="1:11" ht="20.100000000000001" customHeight="1">
      <c r="A53" s="17" t="s">
        <v>103</v>
      </c>
      <c r="B53" s="17"/>
      <c r="C53" s="13">
        <v>23147</v>
      </c>
      <c r="D53" s="14">
        <v>11973</v>
      </c>
      <c r="E53" s="14">
        <v>11174</v>
      </c>
      <c r="F53" s="14"/>
      <c r="G53" s="18" t="s">
        <v>104</v>
      </c>
      <c r="H53" s="17"/>
      <c r="I53" s="13">
        <v>1739</v>
      </c>
      <c r="J53" s="14">
        <v>495</v>
      </c>
      <c r="K53" s="14">
        <v>1244</v>
      </c>
    </row>
    <row r="54" spans="1:11" ht="15" customHeight="1">
      <c r="A54" s="17" t="s">
        <v>105</v>
      </c>
      <c r="B54" s="17"/>
      <c r="C54" s="13">
        <v>4557</v>
      </c>
      <c r="D54" s="19">
        <v>2319</v>
      </c>
      <c r="E54" s="19">
        <v>2238</v>
      </c>
      <c r="F54" s="19"/>
      <c r="G54" s="18" t="s">
        <v>106</v>
      </c>
      <c r="H54" s="17"/>
      <c r="I54" s="13">
        <v>507</v>
      </c>
      <c r="J54" s="19">
        <v>133</v>
      </c>
      <c r="K54" s="19">
        <v>374</v>
      </c>
    </row>
    <row r="55" spans="1:11" ht="15" customHeight="1">
      <c r="A55" s="17" t="s">
        <v>107</v>
      </c>
      <c r="B55" s="17"/>
      <c r="C55" s="13">
        <v>4465</v>
      </c>
      <c r="D55" s="19">
        <v>2321</v>
      </c>
      <c r="E55" s="19">
        <v>2144</v>
      </c>
      <c r="F55" s="19"/>
      <c r="G55" s="18" t="s">
        <v>108</v>
      </c>
      <c r="H55" s="17"/>
      <c r="I55" s="13">
        <v>422</v>
      </c>
      <c r="J55" s="19">
        <v>114</v>
      </c>
      <c r="K55" s="19">
        <v>308</v>
      </c>
    </row>
    <row r="56" spans="1:11" ht="15" customHeight="1">
      <c r="A56" s="17" t="s">
        <v>109</v>
      </c>
      <c r="B56" s="17"/>
      <c r="C56" s="13">
        <v>4597</v>
      </c>
      <c r="D56" s="19">
        <v>2411</v>
      </c>
      <c r="E56" s="19">
        <v>2186</v>
      </c>
      <c r="F56" s="19"/>
      <c r="G56" s="18" t="s">
        <v>110</v>
      </c>
      <c r="H56" s="17"/>
      <c r="I56" s="13">
        <v>347</v>
      </c>
      <c r="J56" s="19">
        <v>114</v>
      </c>
      <c r="K56" s="19">
        <v>233</v>
      </c>
    </row>
    <row r="57" spans="1:11" ht="15" customHeight="1">
      <c r="A57" s="17" t="s">
        <v>111</v>
      </c>
      <c r="B57" s="17"/>
      <c r="C57" s="13">
        <v>4643</v>
      </c>
      <c r="D57" s="19">
        <v>2386</v>
      </c>
      <c r="E57" s="19">
        <v>2257</v>
      </c>
      <c r="F57" s="19"/>
      <c r="G57" s="18" t="s">
        <v>112</v>
      </c>
      <c r="H57" s="17"/>
      <c r="I57" s="13">
        <v>283</v>
      </c>
      <c r="J57" s="19">
        <v>95</v>
      </c>
      <c r="K57" s="19">
        <v>188</v>
      </c>
    </row>
    <row r="58" spans="1:11" ht="15" customHeight="1">
      <c r="A58" s="17" t="s">
        <v>113</v>
      </c>
      <c r="B58" s="17"/>
      <c r="C58" s="13">
        <v>4885</v>
      </c>
      <c r="D58" s="19">
        <v>2536</v>
      </c>
      <c r="E58" s="19">
        <v>2349</v>
      </c>
      <c r="F58" s="19"/>
      <c r="G58" s="18" t="s">
        <v>114</v>
      </c>
      <c r="H58" s="17"/>
      <c r="I58" s="13">
        <v>180</v>
      </c>
      <c r="J58" s="19">
        <v>39</v>
      </c>
      <c r="K58" s="19">
        <v>141</v>
      </c>
    </row>
    <row r="59" spans="1:11" ht="20.100000000000001" customHeight="1">
      <c r="A59" s="17" t="s">
        <v>115</v>
      </c>
      <c r="B59" s="17"/>
      <c r="C59" s="13">
        <v>22797</v>
      </c>
      <c r="D59" s="14">
        <v>11765</v>
      </c>
      <c r="E59" s="14">
        <v>11032</v>
      </c>
      <c r="F59" s="14"/>
      <c r="G59" s="18" t="s">
        <v>116</v>
      </c>
      <c r="H59" s="17"/>
      <c r="I59" s="13">
        <v>457</v>
      </c>
      <c r="J59" s="14">
        <v>91</v>
      </c>
      <c r="K59" s="14">
        <v>366</v>
      </c>
    </row>
    <row r="60" spans="1:11" ht="15" customHeight="1">
      <c r="A60" s="17" t="s">
        <v>117</v>
      </c>
      <c r="B60" s="17"/>
      <c r="C60" s="13">
        <v>4857</v>
      </c>
      <c r="D60" s="19">
        <v>2545</v>
      </c>
      <c r="E60" s="19">
        <v>2312</v>
      </c>
      <c r="F60" s="19"/>
      <c r="G60" s="18" t="s">
        <v>118</v>
      </c>
      <c r="H60" s="17"/>
      <c r="I60" s="13">
        <v>140</v>
      </c>
      <c r="J60" s="19">
        <v>26</v>
      </c>
      <c r="K60" s="19">
        <v>114</v>
      </c>
    </row>
    <row r="61" spans="1:11" ht="15" customHeight="1">
      <c r="A61" s="17" t="s">
        <v>119</v>
      </c>
      <c r="B61" s="17"/>
      <c r="C61" s="13">
        <v>4673</v>
      </c>
      <c r="D61" s="19">
        <v>2382</v>
      </c>
      <c r="E61" s="19">
        <v>2291</v>
      </c>
      <c r="F61" s="19"/>
      <c r="G61" s="18" t="s">
        <v>120</v>
      </c>
      <c r="H61" s="17"/>
      <c r="I61" s="13">
        <v>140</v>
      </c>
      <c r="J61" s="19">
        <v>37</v>
      </c>
      <c r="K61" s="19">
        <v>103</v>
      </c>
    </row>
    <row r="62" spans="1:11" ht="15" customHeight="1">
      <c r="A62" s="17" t="s">
        <v>121</v>
      </c>
      <c r="B62" s="17"/>
      <c r="C62" s="13">
        <v>4508</v>
      </c>
      <c r="D62" s="19">
        <v>2252</v>
      </c>
      <c r="E62" s="19">
        <v>2256</v>
      </c>
      <c r="F62" s="19"/>
      <c r="G62" s="18" t="s">
        <v>122</v>
      </c>
      <c r="H62" s="17"/>
      <c r="I62" s="13">
        <v>79</v>
      </c>
      <c r="J62" s="19">
        <v>17</v>
      </c>
      <c r="K62" s="19">
        <v>62</v>
      </c>
    </row>
    <row r="63" spans="1:11" ht="15" customHeight="1">
      <c r="A63" s="17" t="s">
        <v>123</v>
      </c>
      <c r="B63" s="17"/>
      <c r="C63" s="13">
        <v>4348</v>
      </c>
      <c r="D63" s="19">
        <v>2258</v>
      </c>
      <c r="E63" s="19">
        <v>2090</v>
      </c>
      <c r="F63" s="19"/>
      <c r="G63" s="18" t="s">
        <v>124</v>
      </c>
      <c r="H63" s="17"/>
      <c r="I63" s="13">
        <v>59</v>
      </c>
      <c r="J63" s="19">
        <v>7</v>
      </c>
      <c r="K63" s="19">
        <v>52</v>
      </c>
    </row>
    <row r="64" spans="1:11" ht="15" customHeight="1">
      <c r="A64" s="17" t="s">
        <v>125</v>
      </c>
      <c r="B64" s="17"/>
      <c r="C64" s="13">
        <v>4411</v>
      </c>
      <c r="D64" s="19">
        <v>2328</v>
      </c>
      <c r="E64" s="19">
        <v>2083</v>
      </c>
      <c r="F64" s="19"/>
      <c r="G64" s="18" t="s">
        <v>126</v>
      </c>
      <c r="H64" s="17"/>
      <c r="I64" s="13">
        <v>39</v>
      </c>
      <c r="J64" s="19">
        <v>4</v>
      </c>
      <c r="K64" s="19">
        <v>3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3</v>
      </c>
      <c r="J65" s="19">
        <v>9</v>
      </c>
      <c r="K65" s="19">
        <v>6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364</v>
      </c>
      <c r="J66" s="29">
        <v>2104</v>
      </c>
      <c r="K66" s="29">
        <v>126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4" pageOrder="overThenDown" orientation="portrait" blackAndWhite="1" useFirstPageNumber="1" horizontalDpi="300" verticalDpi="300"/>
  <headerFooter scaleWithDoc="0"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2058</v>
      </c>
      <c r="D4" s="14">
        <v>116569</v>
      </c>
      <c r="E4" s="14">
        <v>11548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652</v>
      </c>
      <c r="D5" s="14">
        <v>5461</v>
      </c>
      <c r="E5" s="14">
        <v>5191</v>
      </c>
      <c r="F5" s="14"/>
      <c r="G5" s="18" t="s">
        <v>8</v>
      </c>
      <c r="H5" s="17"/>
      <c r="I5" s="13">
        <v>17503</v>
      </c>
      <c r="J5" s="14">
        <v>9231</v>
      </c>
      <c r="K5" s="14">
        <v>8272</v>
      </c>
    </row>
    <row r="6" spans="1:11" ht="15" customHeight="1">
      <c r="A6" s="17" t="s">
        <v>9</v>
      </c>
      <c r="B6" s="17"/>
      <c r="C6" s="13">
        <v>2214</v>
      </c>
      <c r="D6" s="19">
        <v>1143</v>
      </c>
      <c r="E6" s="19">
        <v>1071</v>
      </c>
      <c r="F6" s="19"/>
      <c r="G6" s="18" t="s">
        <v>10</v>
      </c>
      <c r="H6" s="17"/>
      <c r="I6" s="13">
        <v>3916</v>
      </c>
      <c r="J6" s="19">
        <v>2046</v>
      </c>
      <c r="K6" s="19">
        <v>1870</v>
      </c>
    </row>
    <row r="7" spans="1:11" ht="15" customHeight="1">
      <c r="A7" s="17" t="s">
        <v>11</v>
      </c>
      <c r="B7" s="17"/>
      <c r="C7" s="13">
        <v>2225</v>
      </c>
      <c r="D7" s="19">
        <v>1101</v>
      </c>
      <c r="E7" s="19">
        <v>1124</v>
      </c>
      <c r="F7" s="19"/>
      <c r="G7" s="18" t="s">
        <v>12</v>
      </c>
      <c r="H7" s="17"/>
      <c r="I7" s="13">
        <v>4050</v>
      </c>
      <c r="J7" s="19">
        <v>2135</v>
      </c>
      <c r="K7" s="19">
        <v>1915</v>
      </c>
    </row>
    <row r="8" spans="1:11" ht="15" customHeight="1">
      <c r="A8" s="17" t="s">
        <v>13</v>
      </c>
      <c r="B8" s="17"/>
      <c r="C8" s="13">
        <v>2204</v>
      </c>
      <c r="D8" s="19">
        <v>1117</v>
      </c>
      <c r="E8" s="19">
        <v>1087</v>
      </c>
      <c r="F8" s="19"/>
      <c r="G8" s="18" t="s">
        <v>14</v>
      </c>
      <c r="H8" s="17"/>
      <c r="I8" s="13">
        <v>2868</v>
      </c>
      <c r="J8" s="19">
        <v>1510</v>
      </c>
      <c r="K8" s="19">
        <v>1358</v>
      </c>
    </row>
    <row r="9" spans="1:11" ht="15" customHeight="1">
      <c r="A9" s="17" t="s">
        <v>15</v>
      </c>
      <c r="B9" s="17"/>
      <c r="C9" s="13">
        <v>2007</v>
      </c>
      <c r="D9" s="19">
        <v>1066</v>
      </c>
      <c r="E9" s="19">
        <v>941</v>
      </c>
      <c r="F9" s="19"/>
      <c r="G9" s="18" t="s">
        <v>16</v>
      </c>
      <c r="H9" s="17"/>
      <c r="I9" s="13">
        <v>3520</v>
      </c>
      <c r="J9" s="19">
        <v>1881</v>
      </c>
      <c r="K9" s="19">
        <v>1639</v>
      </c>
    </row>
    <row r="10" spans="1:11" ht="15" customHeight="1">
      <c r="A10" s="17" t="s">
        <v>17</v>
      </c>
      <c r="B10" s="17"/>
      <c r="C10" s="13">
        <v>2002</v>
      </c>
      <c r="D10" s="19">
        <v>1034</v>
      </c>
      <c r="E10" s="19">
        <v>968</v>
      </c>
      <c r="F10" s="19"/>
      <c r="G10" s="18" t="s">
        <v>18</v>
      </c>
      <c r="H10" s="17"/>
      <c r="I10" s="13">
        <v>3149</v>
      </c>
      <c r="J10" s="19">
        <v>1659</v>
      </c>
      <c r="K10" s="19">
        <v>1490</v>
      </c>
    </row>
    <row r="11" spans="1:11" ht="20.100000000000001" customHeight="1">
      <c r="A11" s="17" t="s">
        <v>19</v>
      </c>
      <c r="B11" s="17"/>
      <c r="C11" s="13">
        <v>9713</v>
      </c>
      <c r="D11" s="14">
        <v>4991</v>
      </c>
      <c r="E11" s="14">
        <v>4722</v>
      </c>
      <c r="F11" s="14"/>
      <c r="G11" s="18" t="s">
        <v>20</v>
      </c>
      <c r="H11" s="17"/>
      <c r="I11" s="13">
        <v>13221</v>
      </c>
      <c r="J11" s="14">
        <v>6990</v>
      </c>
      <c r="K11" s="14">
        <v>6231</v>
      </c>
    </row>
    <row r="12" spans="1:11" ht="15" customHeight="1">
      <c r="A12" s="17" t="s">
        <v>21</v>
      </c>
      <c r="B12" s="17"/>
      <c r="C12" s="13">
        <v>1946</v>
      </c>
      <c r="D12" s="19">
        <v>966</v>
      </c>
      <c r="E12" s="19">
        <v>980</v>
      </c>
      <c r="F12" s="19"/>
      <c r="G12" s="18" t="s">
        <v>22</v>
      </c>
      <c r="H12" s="17"/>
      <c r="I12" s="13">
        <v>3020</v>
      </c>
      <c r="J12" s="19">
        <v>1612</v>
      </c>
      <c r="K12" s="19">
        <v>1408</v>
      </c>
    </row>
    <row r="13" spans="1:11" ht="15" customHeight="1">
      <c r="A13" s="17" t="s">
        <v>23</v>
      </c>
      <c r="B13" s="17"/>
      <c r="C13" s="13">
        <v>1958</v>
      </c>
      <c r="D13" s="19">
        <v>1010</v>
      </c>
      <c r="E13" s="19">
        <v>948</v>
      </c>
      <c r="F13" s="19"/>
      <c r="G13" s="18" t="s">
        <v>24</v>
      </c>
      <c r="H13" s="17"/>
      <c r="I13" s="13">
        <v>2796</v>
      </c>
      <c r="J13" s="19">
        <v>1509</v>
      </c>
      <c r="K13" s="19">
        <v>1287</v>
      </c>
    </row>
    <row r="14" spans="1:11" ht="15" customHeight="1">
      <c r="A14" s="17" t="s">
        <v>25</v>
      </c>
      <c r="B14" s="17"/>
      <c r="C14" s="13">
        <v>1986</v>
      </c>
      <c r="D14" s="19">
        <v>1037</v>
      </c>
      <c r="E14" s="19">
        <v>949</v>
      </c>
      <c r="F14" s="19"/>
      <c r="G14" s="18" t="s">
        <v>26</v>
      </c>
      <c r="H14" s="17"/>
      <c r="I14" s="13">
        <v>2708</v>
      </c>
      <c r="J14" s="19">
        <v>1411</v>
      </c>
      <c r="K14" s="19">
        <v>1297</v>
      </c>
    </row>
    <row r="15" spans="1:11" ht="15" customHeight="1">
      <c r="A15" s="17" t="s">
        <v>27</v>
      </c>
      <c r="B15" s="17"/>
      <c r="C15" s="13">
        <v>1903</v>
      </c>
      <c r="D15" s="19">
        <v>994</v>
      </c>
      <c r="E15" s="19">
        <v>909</v>
      </c>
      <c r="F15" s="19"/>
      <c r="G15" s="18" t="s">
        <v>28</v>
      </c>
      <c r="H15" s="17"/>
      <c r="I15" s="13">
        <v>2430</v>
      </c>
      <c r="J15" s="19">
        <v>1276</v>
      </c>
      <c r="K15" s="19">
        <v>1154</v>
      </c>
    </row>
    <row r="16" spans="1:11" ht="15" customHeight="1">
      <c r="A16" s="17" t="s">
        <v>29</v>
      </c>
      <c r="B16" s="17"/>
      <c r="C16" s="13">
        <v>1920</v>
      </c>
      <c r="D16" s="19">
        <v>984</v>
      </c>
      <c r="E16" s="19">
        <v>936</v>
      </c>
      <c r="F16" s="19"/>
      <c r="G16" s="18" t="s">
        <v>30</v>
      </c>
      <c r="H16" s="17"/>
      <c r="I16" s="13">
        <v>2267</v>
      </c>
      <c r="J16" s="19">
        <v>1182</v>
      </c>
      <c r="K16" s="19">
        <v>1085</v>
      </c>
    </row>
    <row r="17" spans="1:11" ht="20.100000000000001" customHeight="1">
      <c r="A17" s="20" t="s">
        <v>31</v>
      </c>
      <c r="B17" s="20"/>
      <c r="C17" s="13">
        <v>9470</v>
      </c>
      <c r="D17" s="14">
        <v>4886</v>
      </c>
      <c r="E17" s="14">
        <v>4584</v>
      </c>
      <c r="F17" s="14"/>
      <c r="G17" s="18" t="s">
        <v>32</v>
      </c>
      <c r="H17" s="17"/>
      <c r="I17" s="13">
        <v>10205</v>
      </c>
      <c r="J17" s="14">
        <v>5150</v>
      </c>
      <c r="K17" s="14">
        <v>5055</v>
      </c>
    </row>
    <row r="18" spans="1:11" ht="15" customHeight="1">
      <c r="A18" s="17" t="s">
        <v>33</v>
      </c>
      <c r="B18" s="17"/>
      <c r="C18" s="13">
        <v>1944</v>
      </c>
      <c r="D18" s="19">
        <v>1032</v>
      </c>
      <c r="E18" s="19">
        <v>912</v>
      </c>
      <c r="F18" s="19"/>
      <c r="G18" s="18" t="s">
        <v>34</v>
      </c>
      <c r="H18" s="17"/>
      <c r="I18" s="13">
        <v>2151</v>
      </c>
      <c r="J18" s="19">
        <v>1079</v>
      </c>
      <c r="K18" s="19">
        <v>1072</v>
      </c>
    </row>
    <row r="19" spans="1:11" ht="15" customHeight="1">
      <c r="A19" s="17" t="s">
        <v>35</v>
      </c>
      <c r="B19" s="17"/>
      <c r="C19" s="13">
        <v>1888</v>
      </c>
      <c r="D19" s="19">
        <v>954</v>
      </c>
      <c r="E19" s="19">
        <v>934</v>
      </c>
      <c r="F19" s="19"/>
      <c r="G19" s="18" t="s">
        <v>36</v>
      </c>
      <c r="H19" s="17"/>
      <c r="I19" s="13">
        <v>2007</v>
      </c>
      <c r="J19" s="19">
        <v>1033</v>
      </c>
      <c r="K19" s="19">
        <v>974</v>
      </c>
    </row>
    <row r="20" spans="1:11" ht="15" customHeight="1">
      <c r="A20" s="17" t="s">
        <v>37</v>
      </c>
      <c r="B20" s="17"/>
      <c r="C20" s="13">
        <v>1911</v>
      </c>
      <c r="D20" s="19">
        <v>964</v>
      </c>
      <c r="E20" s="19">
        <v>947</v>
      </c>
      <c r="F20" s="19"/>
      <c r="G20" s="18" t="s">
        <v>38</v>
      </c>
      <c r="H20" s="17"/>
      <c r="I20" s="13">
        <v>2055</v>
      </c>
      <c r="J20" s="19">
        <v>1063</v>
      </c>
      <c r="K20" s="19">
        <v>992</v>
      </c>
    </row>
    <row r="21" spans="1:11" ht="15" customHeight="1">
      <c r="A21" s="17" t="s">
        <v>39</v>
      </c>
      <c r="B21" s="17"/>
      <c r="C21" s="13">
        <v>1832</v>
      </c>
      <c r="D21" s="19">
        <v>935</v>
      </c>
      <c r="E21" s="19">
        <v>897</v>
      </c>
      <c r="F21" s="19"/>
      <c r="G21" s="18" t="s">
        <v>40</v>
      </c>
      <c r="H21" s="17"/>
      <c r="I21" s="13">
        <v>2040</v>
      </c>
      <c r="J21" s="19">
        <v>1017</v>
      </c>
      <c r="K21" s="19">
        <v>1023</v>
      </c>
    </row>
    <row r="22" spans="1:11" ht="15" customHeight="1">
      <c r="A22" s="17" t="s">
        <v>41</v>
      </c>
      <c r="B22" s="17"/>
      <c r="C22" s="13">
        <v>1895</v>
      </c>
      <c r="D22" s="19">
        <v>1001</v>
      </c>
      <c r="E22" s="19">
        <v>894</v>
      </c>
      <c r="F22" s="19"/>
      <c r="G22" s="18" t="s">
        <v>42</v>
      </c>
      <c r="H22" s="17"/>
      <c r="I22" s="13">
        <v>1952</v>
      </c>
      <c r="J22" s="19">
        <v>958</v>
      </c>
      <c r="K22" s="19">
        <v>994</v>
      </c>
    </row>
    <row r="23" spans="1:11" ht="20.100000000000001" customHeight="1">
      <c r="A23" s="17" t="s">
        <v>43</v>
      </c>
      <c r="B23" s="17"/>
      <c r="C23" s="13">
        <v>9577</v>
      </c>
      <c r="D23" s="14">
        <v>4797</v>
      </c>
      <c r="E23" s="14">
        <v>4780</v>
      </c>
      <c r="F23" s="14"/>
      <c r="G23" s="18" t="s">
        <v>44</v>
      </c>
      <c r="H23" s="17"/>
      <c r="I23" s="13">
        <v>11664</v>
      </c>
      <c r="J23" s="14">
        <v>5789</v>
      </c>
      <c r="K23" s="14">
        <v>5875</v>
      </c>
    </row>
    <row r="24" spans="1:11" ht="15" customHeight="1">
      <c r="A24" s="17" t="s">
        <v>45</v>
      </c>
      <c r="B24" s="17"/>
      <c r="C24" s="13">
        <v>1813</v>
      </c>
      <c r="D24" s="19">
        <v>944</v>
      </c>
      <c r="E24" s="19">
        <v>869</v>
      </c>
      <c r="F24" s="19"/>
      <c r="G24" s="18" t="s">
        <v>46</v>
      </c>
      <c r="H24" s="17"/>
      <c r="I24" s="13">
        <v>2087</v>
      </c>
      <c r="J24" s="19">
        <v>1069</v>
      </c>
      <c r="K24" s="19">
        <v>1018</v>
      </c>
    </row>
    <row r="25" spans="1:11" ht="15" customHeight="1">
      <c r="A25" s="17" t="s">
        <v>47</v>
      </c>
      <c r="B25" s="17"/>
      <c r="C25" s="13">
        <v>1843</v>
      </c>
      <c r="D25" s="19">
        <v>933</v>
      </c>
      <c r="E25" s="19">
        <v>910</v>
      </c>
      <c r="F25" s="19"/>
      <c r="G25" s="18" t="s">
        <v>48</v>
      </c>
      <c r="H25" s="17"/>
      <c r="I25" s="13">
        <v>2209</v>
      </c>
      <c r="J25" s="19">
        <v>1078</v>
      </c>
      <c r="K25" s="19">
        <v>1131</v>
      </c>
    </row>
    <row r="26" spans="1:11" ht="15" customHeight="1">
      <c r="A26" s="17" t="s">
        <v>49</v>
      </c>
      <c r="B26" s="17"/>
      <c r="C26" s="13">
        <v>1890</v>
      </c>
      <c r="D26" s="19">
        <v>918</v>
      </c>
      <c r="E26" s="19">
        <v>972</v>
      </c>
      <c r="F26" s="19"/>
      <c r="G26" s="18" t="s">
        <v>50</v>
      </c>
      <c r="H26" s="17"/>
      <c r="I26" s="13">
        <v>2276</v>
      </c>
      <c r="J26" s="19">
        <v>1114</v>
      </c>
      <c r="K26" s="19">
        <v>1162</v>
      </c>
    </row>
    <row r="27" spans="1:11" ht="15" customHeight="1">
      <c r="A27" s="17" t="s">
        <v>51</v>
      </c>
      <c r="B27" s="17"/>
      <c r="C27" s="13">
        <v>1974</v>
      </c>
      <c r="D27" s="19">
        <v>982</v>
      </c>
      <c r="E27" s="19">
        <v>992</v>
      </c>
      <c r="F27" s="19"/>
      <c r="G27" s="18" t="s">
        <v>52</v>
      </c>
      <c r="H27" s="17"/>
      <c r="I27" s="13">
        <v>2387</v>
      </c>
      <c r="J27" s="19">
        <v>1214</v>
      </c>
      <c r="K27" s="19">
        <v>1173</v>
      </c>
    </row>
    <row r="28" spans="1:11" ht="15" customHeight="1">
      <c r="A28" s="17" t="s">
        <v>53</v>
      </c>
      <c r="B28" s="17"/>
      <c r="C28" s="13">
        <v>2057</v>
      </c>
      <c r="D28" s="19">
        <v>1020</v>
      </c>
      <c r="E28" s="19">
        <v>1037</v>
      </c>
      <c r="F28" s="19"/>
      <c r="G28" s="18" t="s">
        <v>54</v>
      </c>
      <c r="H28" s="17"/>
      <c r="I28" s="13">
        <v>2705</v>
      </c>
      <c r="J28" s="19">
        <v>1314</v>
      </c>
      <c r="K28" s="19">
        <v>1391</v>
      </c>
    </row>
    <row r="29" spans="1:11" ht="20.100000000000001" customHeight="1">
      <c r="A29" s="17" t="s">
        <v>55</v>
      </c>
      <c r="B29" s="17"/>
      <c r="C29" s="13">
        <v>13987</v>
      </c>
      <c r="D29" s="14">
        <v>7045</v>
      </c>
      <c r="E29" s="14">
        <v>6942</v>
      </c>
      <c r="F29" s="14"/>
      <c r="G29" s="18" t="s">
        <v>56</v>
      </c>
      <c r="H29" s="17"/>
      <c r="I29" s="13">
        <v>10395</v>
      </c>
      <c r="J29" s="14">
        <v>4948</v>
      </c>
      <c r="K29" s="14">
        <v>5447</v>
      </c>
    </row>
    <row r="30" spans="1:11" ht="15" customHeight="1">
      <c r="A30" s="17" t="s">
        <v>57</v>
      </c>
      <c r="B30" s="17"/>
      <c r="C30" s="13">
        <v>2123</v>
      </c>
      <c r="D30" s="19">
        <v>1061</v>
      </c>
      <c r="E30" s="19">
        <v>1062</v>
      </c>
      <c r="F30" s="19"/>
      <c r="G30" s="18" t="s">
        <v>58</v>
      </c>
      <c r="H30" s="17"/>
      <c r="I30" s="13">
        <v>2630</v>
      </c>
      <c r="J30" s="19">
        <v>1265</v>
      </c>
      <c r="K30" s="19">
        <v>1365</v>
      </c>
    </row>
    <row r="31" spans="1:11" ht="15" customHeight="1">
      <c r="A31" s="17" t="s">
        <v>59</v>
      </c>
      <c r="B31" s="17"/>
      <c r="C31" s="13">
        <v>2442</v>
      </c>
      <c r="D31" s="19">
        <v>1233</v>
      </c>
      <c r="E31" s="19">
        <v>1209</v>
      </c>
      <c r="F31" s="19"/>
      <c r="G31" s="18" t="s">
        <v>60</v>
      </c>
      <c r="H31" s="17"/>
      <c r="I31" s="13">
        <v>2504</v>
      </c>
      <c r="J31" s="19">
        <v>1201</v>
      </c>
      <c r="K31" s="19">
        <v>1303</v>
      </c>
    </row>
    <row r="32" spans="1:11" ht="15" customHeight="1">
      <c r="A32" s="17" t="s">
        <v>61</v>
      </c>
      <c r="B32" s="17"/>
      <c r="C32" s="13">
        <v>2865</v>
      </c>
      <c r="D32" s="19">
        <v>1444</v>
      </c>
      <c r="E32" s="19">
        <v>1421</v>
      </c>
      <c r="F32" s="19"/>
      <c r="G32" s="18" t="s">
        <v>62</v>
      </c>
      <c r="H32" s="17"/>
      <c r="I32" s="13">
        <v>1772</v>
      </c>
      <c r="J32" s="19">
        <v>846</v>
      </c>
      <c r="K32" s="19">
        <v>926</v>
      </c>
    </row>
    <row r="33" spans="1:11" ht="15" customHeight="1">
      <c r="A33" s="17" t="s">
        <v>63</v>
      </c>
      <c r="B33" s="17"/>
      <c r="C33" s="13">
        <v>3138</v>
      </c>
      <c r="D33" s="19">
        <v>1571</v>
      </c>
      <c r="E33" s="19">
        <v>1567</v>
      </c>
      <c r="F33" s="19"/>
      <c r="G33" s="18" t="s">
        <v>64</v>
      </c>
      <c r="H33" s="17"/>
      <c r="I33" s="13">
        <v>1566</v>
      </c>
      <c r="J33" s="19">
        <v>751</v>
      </c>
      <c r="K33" s="19">
        <v>815</v>
      </c>
    </row>
    <row r="34" spans="1:11" ht="15" customHeight="1">
      <c r="A34" s="17" t="s">
        <v>65</v>
      </c>
      <c r="B34" s="17"/>
      <c r="C34" s="13">
        <v>3419</v>
      </c>
      <c r="D34" s="19">
        <v>1736</v>
      </c>
      <c r="E34" s="19">
        <v>1683</v>
      </c>
      <c r="F34" s="19"/>
      <c r="G34" s="18" t="s">
        <v>66</v>
      </c>
      <c r="H34" s="17"/>
      <c r="I34" s="13">
        <v>1923</v>
      </c>
      <c r="J34" s="19">
        <v>885</v>
      </c>
      <c r="K34" s="19">
        <v>1038</v>
      </c>
    </row>
    <row r="35" spans="1:11" ht="20.100000000000001" customHeight="1">
      <c r="A35" s="17" t="s">
        <v>67</v>
      </c>
      <c r="B35" s="17"/>
      <c r="C35" s="13">
        <v>16185</v>
      </c>
      <c r="D35" s="14">
        <v>8476</v>
      </c>
      <c r="E35" s="14">
        <v>7709</v>
      </c>
      <c r="F35" s="14"/>
      <c r="G35" s="18" t="s">
        <v>68</v>
      </c>
      <c r="H35" s="17"/>
      <c r="I35" s="13">
        <v>8401</v>
      </c>
      <c r="J35" s="14">
        <v>3774</v>
      </c>
      <c r="K35" s="14">
        <v>4627</v>
      </c>
    </row>
    <row r="36" spans="1:11" ht="15" customHeight="1">
      <c r="A36" s="17" t="s">
        <v>69</v>
      </c>
      <c r="B36" s="17"/>
      <c r="C36" s="13">
        <v>3098</v>
      </c>
      <c r="D36" s="19">
        <v>1585</v>
      </c>
      <c r="E36" s="19">
        <v>1513</v>
      </c>
      <c r="F36" s="19"/>
      <c r="G36" s="18" t="s">
        <v>70</v>
      </c>
      <c r="H36" s="17"/>
      <c r="I36" s="13">
        <v>1911</v>
      </c>
      <c r="J36" s="19">
        <v>903</v>
      </c>
      <c r="K36" s="19">
        <v>1008</v>
      </c>
    </row>
    <row r="37" spans="1:11" ht="15" customHeight="1">
      <c r="A37" s="17" t="s">
        <v>71</v>
      </c>
      <c r="B37" s="17"/>
      <c r="C37" s="13">
        <v>3339</v>
      </c>
      <c r="D37" s="19">
        <v>1850</v>
      </c>
      <c r="E37" s="19">
        <v>1489</v>
      </c>
      <c r="F37" s="19"/>
      <c r="G37" s="18" t="s">
        <v>72</v>
      </c>
      <c r="H37" s="17"/>
      <c r="I37" s="13">
        <v>1786</v>
      </c>
      <c r="J37" s="19">
        <v>806</v>
      </c>
      <c r="K37" s="19">
        <v>980</v>
      </c>
    </row>
    <row r="38" spans="1:11" ht="15" customHeight="1">
      <c r="A38" s="17" t="s">
        <v>73</v>
      </c>
      <c r="B38" s="17"/>
      <c r="C38" s="13">
        <v>3358</v>
      </c>
      <c r="D38" s="19">
        <v>1777</v>
      </c>
      <c r="E38" s="19">
        <v>1581</v>
      </c>
      <c r="F38" s="19"/>
      <c r="G38" s="18" t="s">
        <v>74</v>
      </c>
      <c r="H38" s="17"/>
      <c r="I38" s="13">
        <v>1747</v>
      </c>
      <c r="J38" s="19">
        <v>782</v>
      </c>
      <c r="K38" s="19">
        <v>965</v>
      </c>
    </row>
    <row r="39" spans="1:11" ht="15" customHeight="1">
      <c r="A39" s="17" t="s">
        <v>75</v>
      </c>
      <c r="B39" s="17"/>
      <c r="C39" s="13">
        <v>3204</v>
      </c>
      <c r="D39" s="19">
        <v>1630</v>
      </c>
      <c r="E39" s="19">
        <v>1574</v>
      </c>
      <c r="F39" s="19"/>
      <c r="G39" s="18" t="s">
        <v>76</v>
      </c>
      <c r="H39" s="17"/>
      <c r="I39" s="13">
        <v>1633</v>
      </c>
      <c r="J39" s="19">
        <v>716</v>
      </c>
      <c r="K39" s="19">
        <v>917</v>
      </c>
    </row>
    <row r="40" spans="1:11" ht="15" customHeight="1">
      <c r="A40" s="17" t="s">
        <v>77</v>
      </c>
      <c r="B40" s="17"/>
      <c r="C40" s="13">
        <v>3186</v>
      </c>
      <c r="D40" s="19">
        <v>1634</v>
      </c>
      <c r="E40" s="19">
        <v>1552</v>
      </c>
      <c r="F40" s="19"/>
      <c r="G40" s="18" t="s">
        <v>78</v>
      </c>
      <c r="H40" s="17"/>
      <c r="I40" s="13">
        <v>1324</v>
      </c>
      <c r="J40" s="19">
        <v>567</v>
      </c>
      <c r="K40" s="19">
        <v>757</v>
      </c>
    </row>
    <row r="41" spans="1:11" ht="20.100000000000001" customHeight="1">
      <c r="A41" s="17" t="s">
        <v>79</v>
      </c>
      <c r="B41" s="17"/>
      <c r="C41" s="13">
        <v>17221</v>
      </c>
      <c r="D41" s="14">
        <v>8744</v>
      </c>
      <c r="E41" s="14">
        <v>8477</v>
      </c>
      <c r="F41" s="14"/>
      <c r="G41" s="18" t="s">
        <v>80</v>
      </c>
      <c r="H41" s="17"/>
      <c r="I41" s="13">
        <v>6084</v>
      </c>
      <c r="J41" s="14">
        <v>2443</v>
      </c>
      <c r="K41" s="14">
        <v>3641</v>
      </c>
    </row>
    <row r="42" spans="1:11" ht="15" customHeight="1">
      <c r="A42" s="17" t="s">
        <v>81</v>
      </c>
      <c r="B42" s="17"/>
      <c r="C42" s="13">
        <v>3202</v>
      </c>
      <c r="D42" s="19">
        <v>1626</v>
      </c>
      <c r="E42" s="19">
        <v>1576</v>
      </c>
      <c r="F42" s="19"/>
      <c r="G42" s="18" t="s">
        <v>82</v>
      </c>
      <c r="H42" s="17"/>
      <c r="I42" s="13">
        <v>1291</v>
      </c>
      <c r="J42" s="19">
        <v>533</v>
      </c>
      <c r="K42" s="19">
        <v>758</v>
      </c>
    </row>
    <row r="43" spans="1:11" ht="15" customHeight="1">
      <c r="A43" s="17" t="s">
        <v>83</v>
      </c>
      <c r="B43" s="17"/>
      <c r="C43" s="13">
        <v>3323</v>
      </c>
      <c r="D43" s="19">
        <v>1666</v>
      </c>
      <c r="E43" s="19">
        <v>1657</v>
      </c>
      <c r="F43" s="19"/>
      <c r="G43" s="18" t="s">
        <v>84</v>
      </c>
      <c r="H43" s="17"/>
      <c r="I43" s="13">
        <v>1310</v>
      </c>
      <c r="J43" s="19">
        <v>518</v>
      </c>
      <c r="K43" s="19">
        <v>792</v>
      </c>
    </row>
    <row r="44" spans="1:11" ht="15" customHeight="1">
      <c r="A44" s="17" t="s">
        <v>85</v>
      </c>
      <c r="B44" s="17"/>
      <c r="C44" s="13">
        <v>3476</v>
      </c>
      <c r="D44" s="19">
        <v>1762</v>
      </c>
      <c r="E44" s="19">
        <v>1714</v>
      </c>
      <c r="F44" s="19"/>
      <c r="G44" s="18" t="s">
        <v>86</v>
      </c>
      <c r="H44" s="17"/>
      <c r="I44" s="13">
        <v>1211</v>
      </c>
      <c r="J44" s="19">
        <v>489</v>
      </c>
      <c r="K44" s="19">
        <v>722</v>
      </c>
    </row>
    <row r="45" spans="1:11" ht="15" customHeight="1">
      <c r="A45" s="17" t="s">
        <v>87</v>
      </c>
      <c r="B45" s="17"/>
      <c r="C45" s="13">
        <v>3481</v>
      </c>
      <c r="D45" s="19">
        <v>1764</v>
      </c>
      <c r="E45" s="19">
        <v>1717</v>
      </c>
      <c r="F45" s="19"/>
      <c r="G45" s="18" t="s">
        <v>88</v>
      </c>
      <c r="H45" s="17"/>
      <c r="I45" s="13">
        <v>1267</v>
      </c>
      <c r="J45" s="19">
        <v>520</v>
      </c>
      <c r="K45" s="19">
        <v>747</v>
      </c>
    </row>
    <row r="46" spans="1:11" ht="15" customHeight="1">
      <c r="A46" s="17" t="s">
        <v>89</v>
      </c>
      <c r="B46" s="17"/>
      <c r="C46" s="13">
        <v>3739</v>
      </c>
      <c r="D46" s="19">
        <v>1926</v>
      </c>
      <c r="E46" s="19">
        <v>1813</v>
      </c>
      <c r="F46" s="19"/>
      <c r="G46" s="18" t="s">
        <v>90</v>
      </c>
      <c r="H46" s="17"/>
      <c r="I46" s="13">
        <v>1005</v>
      </c>
      <c r="J46" s="19">
        <v>383</v>
      </c>
      <c r="K46" s="19">
        <v>622</v>
      </c>
    </row>
    <row r="47" spans="1:11" ht="20.100000000000001" customHeight="1">
      <c r="A47" s="17" t="s">
        <v>91</v>
      </c>
      <c r="B47" s="17"/>
      <c r="C47" s="13">
        <v>18065</v>
      </c>
      <c r="D47" s="14">
        <v>9271</v>
      </c>
      <c r="E47" s="14">
        <v>8794</v>
      </c>
      <c r="F47" s="14"/>
      <c r="G47" s="18" t="s">
        <v>92</v>
      </c>
      <c r="H47" s="17"/>
      <c r="I47" s="13">
        <v>3695</v>
      </c>
      <c r="J47" s="14">
        <v>1254</v>
      </c>
      <c r="K47" s="14">
        <v>2441</v>
      </c>
    </row>
    <row r="48" spans="1:11" ht="15" customHeight="1">
      <c r="A48" s="17" t="s">
        <v>93</v>
      </c>
      <c r="B48" s="17"/>
      <c r="C48" s="13">
        <v>3618</v>
      </c>
      <c r="D48" s="19">
        <v>1930</v>
      </c>
      <c r="E48" s="19">
        <v>1688</v>
      </c>
      <c r="F48" s="19"/>
      <c r="G48" s="18" t="s">
        <v>94</v>
      </c>
      <c r="H48" s="17"/>
      <c r="I48" s="13">
        <v>956</v>
      </c>
      <c r="J48" s="19">
        <v>351</v>
      </c>
      <c r="K48" s="19">
        <v>605</v>
      </c>
    </row>
    <row r="49" spans="1:11" ht="15" customHeight="1">
      <c r="A49" s="17" t="s">
        <v>95</v>
      </c>
      <c r="B49" s="17"/>
      <c r="C49" s="13">
        <v>3542</v>
      </c>
      <c r="D49" s="19">
        <v>1802</v>
      </c>
      <c r="E49" s="19">
        <v>1740</v>
      </c>
      <c r="F49" s="19"/>
      <c r="G49" s="18" t="s">
        <v>96</v>
      </c>
      <c r="H49" s="17"/>
      <c r="I49" s="13">
        <v>884</v>
      </c>
      <c r="J49" s="19">
        <v>305</v>
      </c>
      <c r="K49" s="19">
        <v>579</v>
      </c>
    </row>
    <row r="50" spans="1:11" ht="15" customHeight="1">
      <c r="A50" s="17" t="s">
        <v>97</v>
      </c>
      <c r="B50" s="17"/>
      <c r="C50" s="13">
        <v>3564</v>
      </c>
      <c r="D50" s="19">
        <v>1797</v>
      </c>
      <c r="E50" s="19">
        <v>1767</v>
      </c>
      <c r="F50" s="19"/>
      <c r="G50" s="18" t="s">
        <v>98</v>
      </c>
      <c r="H50" s="17"/>
      <c r="I50" s="13">
        <v>724</v>
      </c>
      <c r="J50" s="19">
        <v>235</v>
      </c>
      <c r="K50" s="19">
        <v>489</v>
      </c>
    </row>
    <row r="51" spans="1:11" ht="15" customHeight="1">
      <c r="A51" s="17" t="s">
        <v>99</v>
      </c>
      <c r="B51" s="17"/>
      <c r="C51" s="13">
        <v>3633</v>
      </c>
      <c r="D51" s="19">
        <v>1871</v>
      </c>
      <c r="E51" s="19">
        <v>1762</v>
      </c>
      <c r="F51" s="19"/>
      <c r="G51" s="18" t="s">
        <v>100</v>
      </c>
      <c r="H51" s="17"/>
      <c r="I51" s="13">
        <v>602</v>
      </c>
      <c r="J51" s="19">
        <v>192</v>
      </c>
      <c r="K51" s="19">
        <v>410</v>
      </c>
    </row>
    <row r="52" spans="1:11" ht="15" customHeight="1">
      <c r="A52" s="17" t="s">
        <v>101</v>
      </c>
      <c r="B52" s="17"/>
      <c r="C52" s="13">
        <v>3708</v>
      </c>
      <c r="D52" s="19">
        <v>1871</v>
      </c>
      <c r="E52" s="19">
        <v>1837</v>
      </c>
      <c r="F52" s="19"/>
      <c r="G52" s="18" t="s">
        <v>102</v>
      </c>
      <c r="H52" s="17"/>
      <c r="I52" s="13">
        <v>529</v>
      </c>
      <c r="J52" s="19">
        <v>171</v>
      </c>
      <c r="K52" s="19">
        <v>358</v>
      </c>
    </row>
    <row r="53" spans="1:11" ht="20.100000000000001" customHeight="1">
      <c r="A53" s="17" t="s">
        <v>103</v>
      </c>
      <c r="B53" s="17"/>
      <c r="C53" s="13">
        <v>19895</v>
      </c>
      <c r="D53" s="14">
        <v>10231</v>
      </c>
      <c r="E53" s="14">
        <v>9664</v>
      </c>
      <c r="F53" s="14"/>
      <c r="G53" s="18" t="s">
        <v>104</v>
      </c>
      <c r="H53" s="17"/>
      <c r="I53" s="13">
        <v>1687</v>
      </c>
      <c r="J53" s="14">
        <v>495</v>
      </c>
      <c r="K53" s="14">
        <v>1192</v>
      </c>
    </row>
    <row r="54" spans="1:11" ht="15" customHeight="1">
      <c r="A54" s="17" t="s">
        <v>105</v>
      </c>
      <c r="B54" s="17"/>
      <c r="C54" s="13">
        <v>3969</v>
      </c>
      <c r="D54" s="19">
        <v>2038</v>
      </c>
      <c r="E54" s="19">
        <v>1931</v>
      </c>
      <c r="F54" s="19"/>
      <c r="G54" s="18" t="s">
        <v>106</v>
      </c>
      <c r="H54" s="17"/>
      <c r="I54" s="13">
        <v>488</v>
      </c>
      <c r="J54" s="19">
        <v>148</v>
      </c>
      <c r="K54" s="19">
        <v>340</v>
      </c>
    </row>
    <row r="55" spans="1:11" ht="15" customHeight="1">
      <c r="A55" s="17" t="s">
        <v>107</v>
      </c>
      <c r="B55" s="17"/>
      <c r="C55" s="13">
        <v>3810</v>
      </c>
      <c r="D55" s="19">
        <v>1910</v>
      </c>
      <c r="E55" s="19">
        <v>1900</v>
      </c>
      <c r="F55" s="19"/>
      <c r="G55" s="18" t="s">
        <v>108</v>
      </c>
      <c r="H55" s="17"/>
      <c r="I55" s="13">
        <v>394</v>
      </c>
      <c r="J55" s="19">
        <v>130</v>
      </c>
      <c r="K55" s="19">
        <v>264</v>
      </c>
    </row>
    <row r="56" spans="1:11" ht="15" customHeight="1">
      <c r="A56" s="17" t="s">
        <v>109</v>
      </c>
      <c r="B56" s="17"/>
      <c r="C56" s="13">
        <v>3927</v>
      </c>
      <c r="D56" s="19">
        <v>1997</v>
      </c>
      <c r="E56" s="19">
        <v>1930</v>
      </c>
      <c r="F56" s="19"/>
      <c r="G56" s="18" t="s">
        <v>110</v>
      </c>
      <c r="H56" s="17"/>
      <c r="I56" s="13">
        <v>331</v>
      </c>
      <c r="J56" s="19">
        <v>97</v>
      </c>
      <c r="K56" s="19">
        <v>234</v>
      </c>
    </row>
    <row r="57" spans="1:11" ht="15" customHeight="1">
      <c r="A57" s="17" t="s">
        <v>111</v>
      </c>
      <c r="B57" s="17"/>
      <c r="C57" s="13">
        <v>3919</v>
      </c>
      <c r="D57" s="19">
        <v>2073</v>
      </c>
      <c r="E57" s="19">
        <v>1846</v>
      </c>
      <c r="F57" s="19"/>
      <c r="G57" s="18" t="s">
        <v>112</v>
      </c>
      <c r="H57" s="17"/>
      <c r="I57" s="13">
        <v>264</v>
      </c>
      <c r="J57" s="19">
        <v>79</v>
      </c>
      <c r="K57" s="19">
        <v>185</v>
      </c>
    </row>
    <row r="58" spans="1:11" ht="15" customHeight="1">
      <c r="A58" s="17" t="s">
        <v>113</v>
      </c>
      <c r="B58" s="17"/>
      <c r="C58" s="13">
        <v>4270</v>
      </c>
      <c r="D58" s="19">
        <v>2213</v>
      </c>
      <c r="E58" s="19">
        <v>2057</v>
      </c>
      <c r="F58" s="19"/>
      <c r="G58" s="18" t="s">
        <v>114</v>
      </c>
      <c r="H58" s="17"/>
      <c r="I58" s="13">
        <v>210</v>
      </c>
      <c r="J58" s="19">
        <v>41</v>
      </c>
      <c r="K58" s="19">
        <v>169</v>
      </c>
    </row>
    <row r="59" spans="1:11" ht="20.100000000000001" customHeight="1">
      <c r="A59" s="17" t="s">
        <v>115</v>
      </c>
      <c r="B59" s="17"/>
      <c r="C59" s="13">
        <v>20771</v>
      </c>
      <c r="D59" s="14">
        <v>10670</v>
      </c>
      <c r="E59" s="14">
        <v>10101</v>
      </c>
      <c r="F59" s="14"/>
      <c r="G59" s="18" t="s">
        <v>116</v>
      </c>
      <c r="H59" s="17"/>
      <c r="I59" s="13">
        <v>442</v>
      </c>
      <c r="J59" s="14">
        <v>85</v>
      </c>
      <c r="K59" s="14">
        <v>357</v>
      </c>
    </row>
    <row r="60" spans="1:11" ht="15" customHeight="1">
      <c r="A60" s="17" t="s">
        <v>117</v>
      </c>
      <c r="B60" s="17"/>
      <c r="C60" s="13">
        <v>4290</v>
      </c>
      <c r="D60" s="19">
        <v>2188</v>
      </c>
      <c r="E60" s="19">
        <v>2102</v>
      </c>
      <c r="F60" s="19"/>
      <c r="G60" s="18" t="s">
        <v>118</v>
      </c>
      <c r="H60" s="17"/>
      <c r="I60" s="13">
        <v>178</v>
      </c>
      <c r="J60" s="19">
        <v>43</v>
      </c>
      <c r="K60" s="19">
        <v>135</v>
      </c>
    </row>
    <row r="61" spans="1:11" ht="15" customHeight="1">
      <c r="A61" s="17" t="s">
        <v>119</v>
      </c>
      <c r="B61" s="17"/>
      <c r="C61" s="13">
        <v>4289</v>
      </c>
      <c r="D61" s="19">
        <v>2155</v>
      </c>
      <c r="E61" s="19">
        <v>2134</v>
      </c>
      <c r="F61" s="19"/>
      <c r="G61" s="18" t="s">
        <v>120</v>
      </c>
      <c r="H61" s="17"/>
      <c r="I61" s="13">
        <v>115</v>
      </c>
      <c r="J61" s="19">
        <v>20</v>
      </c>
      <c r="K61" s="19">
        <v>95</v>
      </c>
    </row>
    <row r="62" spans="1:11" ht="15" customHeight="1">
      <c r="A62" s="17" t="s">
        <v>121</v>
      </c>
      <c r="B62" s="17"/>
      <c r="C62" s="13">
        <v>4127</v>
      </c>
      <c r="D62" s="19">
        <v>2078</v>
      </c>
      <c r="E62" s="19">
        <v>2049</v>
      </c>
      <c r="F62" s="19"/>
      <c r="G62" s="18" t="s">
        <v>122</v>
      </c>
      <c r="H62" s="17"/>
      <c r="I62" s="13">
        <v>62</v>
      </c>
      <c r="J62" s="19">
        <v>11</v>
      </c>
      <c r="K62" s="19">
        <v>51</v>
      </c>
    </row>
    <row r="63" spans="1:11" ht="15" customHeight="1">
      <c r="A63" s="17" t="s">
        <v>123</v>
      </c>
      <c r="B63" s="17"/>
      <c r="C63" s="13">
        <v>4094</v>
      </c>
      <c r="D63" s="19">
        <v>2131</v>
      </c>
      <c r="E63" s="19">
        <v>1963</v>
      </c>
      <c r="F63" s="19"/>
      <c r="G63" s="18" t="s">
        <v>124</v>
      </c>
      <c r="H63" s="17"/>
      <c r="I63" s="13">
        <v>57</v>
      </c>
      <c r="J63" s="19">
        <v>7</v>
      </c>
      <c r="K63" s="19">
        <v>50</v>
      </c>
    </row>
    <row r="64" spans="1:11" ht="15" customHeight="1">
      <c r="A64" s="17" t="s">
        <v>125</v>
      </c>
      <c r="B64" s="17"/>
      <c r="C64" s="13">
        <v>3971</v>
      </c>
      <c r="D64" s="19">
        <v>2118</v>
      </c>
      <c r="E64" s="19">
        <v>1853</v>
      </c>
      <c r="F64" s="19"/>
      <c r="G64" s="18" t="s">
        <v>126</v>
      </c>
      <c r="H64" s="17"/>
      <c r="I64" s="13">
        <v>30</v>
      </c>
      <c r="J64" s="19">
        <v>4</v>
      </c>
      <c r="K64" s="19">
        <v>2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8</v>
      </c>
      <c r="J65" s="19">
        <v>15</v>
      </c>
      <c r="K65" s="19">
        <v>5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157</v>
      </c>
      <c r="J66" s="29">
        <v>1823</v>
      </c>
      <c r="K66" s="29">
        <v>133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5" pageOrder="overThenDown" orientation="portrait" blackAndWhite="1" useFirstPageNumber="1" horizontalDpi="300" verticalDpi="300"/>
  <headerFooter scaleWithDoc="0"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18124</v>
      </c>
      <c r="D4" s="14">
        <v>111451</v>
      </c>
      <c r="E4" s="14">
        <v>10667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399</v>
      </c>
      <c r="D5" s="14">
        <v>4380</v>
      </c>
      <c r="E5" s="14">
        <v>4019</v>
      </c>
      <c r="F5" s="14"/>
      <c r="G5" s="18" t="s">
        <v>8</v>
      </c>
      <c r="H5" s="17"/>
      <c r="I5" s="13">
        <v>15789</v>
      </c>
      <c r="J5" s="14">
        <v>8467</v>
      </c>
      <c r="K5" s="14">
        <v>7322</v>
      </c>
    </row>
    <row r="6" spans="1:11" ht="15" customHeight="1">
      <c r="A6" s="17" t="s">
        <v>9</v>
      </c>
      <c r="B6" s="17"/>
      <c r="C6" s="13">
        <v>1856</v>
      </c>
      <c r="D6" s="19">
        <v>995</v>
      </c>
      <c r="E6" s="19">
        <v>861</v>
      </c>
      <c r="F6" s="19"/>
      <c r="G6" s="18" t="s">
        <v>10</v>
      </c>
      <c r="H6" s="17"/>
      <c r="I6" s="13">
        <v>3429</v>
      </c>
      <c r="J6" s="19">
        <v>1857</v>
      </c>
      <c r="K6" s="19">
        <v>1572</v>
      </c>
    </row>
    <row r="7" spans="1:11" ht="15" customHeight="1">
      <c r="A7" s="17" t="s">
        <v>11</v>
      </c>
      <c r="B7" s="17"/>
      <c r="C7" s="13">
        <v>1725</v>
      </c>
      <c r="D7" s="19">
        <v>897</v>
      </c>
      <c r="E7" s="19">
        <v>828</v>
      </c>
      <c r="F7" s="19"/>
      <c r="G7" s="18" t="s">
        <v>12</v>
      </c>
      <c r="H7" s="17"/>
      <c r="I7" s="13">
        <v>3501</v>
      </c>
      <c r="J7" s="19">
        <v>1844</v>
      </c>
      <c r="K7" s="19">
        <v>1657</v>
      </c>
    </row>
    <row r="8" spans="1:11" ht="15" customHeight="1">
      <c r="A8" s="17" t="s">
        <v>13</v>
      </c>
      <c r="B8" s="17"/>
      <c r="C8" s="13">
        <v>1688</v>
      </c>
      <c r="D8" s="19">
        <v>851</v>
      </c>
      <c r="E8" s="19">
        <v>837</v>
      </c>
      <c r="F8" s="19"/>
      <c r="G8" s="18" t="s">
        <v>14</v>
      </c>
      <c r="H8" s="17"/>
      <c r="I8" s="13">
        <v>2518</v>
      </c>
      <c r="J8" s="19">
        <v>1337</v>
      </c>
      <c r="K8" s="19">
        <v>1181</v>
      </c>
    </row>
    <row r="9" spans="1:11" ht="15" customHeight="1">
      <c r="A9" s="17" t="s">
        <v>15</v>
      </c>
      <c r="B9" s="17"/>
      <c r="C9" s="13">
        <v>1606</v>
      </c>
      <c r="D9" s="19">
        <v>824</v>
      </c>
      <c r="E9" s="19">
        <v>782</v>
      </c>
      <c r="F9" s="19"/>
      <c r="G9" s="18" t="s">
        <v>16</v>
      </c>
      <c r="H9" s="17"/>
      <c r="I9" s="13">
        <v>3224</v>
      </c>
      <c r="J9" s="19">
        <v>1690</v>
      </c>
      <c r="K9" s="19">
        <v>1534</v>
      </c>
    </row>
    <row r="10" spans="1:11" ht="15" customHeight="1">
      <c r="A10" s="17" t="s">
        <v>17</v>
      </c>
      <c r="B10" s="17"/>
      <c r="C10" s="13">
        <v>1524</v>
      </c>
      <c r="D10" s="19">
        <v>813</v>
      </c>
      <c r="E10" s="19">
        <v>711</v>
      </c>
      <c r="F10" s="19"/>
      <c r="G10" s="18" t="s">
        <v>18</v>
      </c>
      <c r="H10" s="17"/>
      <c r="I10" s="13">
        <v>3117</v>
      </c>
      <c r="J10" s="19">
        <v>1739</v>
      </c>
      <c r="K10" s="19">
        <v>1378</v>
      </c>
    </row>
    <row r="11" spans="1:11" ht="20.100000000000001" customHeight="1">
      <c r="A11" s="17" t="s">
        <v>19</v>
      </c>
      <c r="B11" s="17"/>
      <c r="C11" s="13">
        <v>7349</v>
      </c>
      <c r="D11" s="14">
        <v>3754</v>
      </c>
      <c r="E11" s="14">
        <v>3595</v>
      </c>
      <c r="F11" s="14"/>
      <c r="G11" s="18" t="s">
        <v>20</v>
      </c>
      <c r="H11" s="17"/>
      <c r="I11" s="13">
        <v>12698</v>
      </c>
      <c r="J11" s="14">
        <v>6749</v>
      </c>
      <c r="K11" s="14">
        <v>5949</v>
      </c>
    </row>
    <row r="12" spans="1:11" ht="15" customHeight="1">
      <c r="A12" s="17" t="s">
        <v>21</v>
      </c>
      <c r="B12" s="17"/>
      <c r="C12" s="13">
        <v>1467</v>
      </c>
      <c r="D12" s="19">
        <v>732</v>
      </c>
      <c r="E12" s="19">
        <v>735</v>
      </c>
      <c r="F12" s="19"/>
      <c r="G12" s="18" t="s">
        <v>22</v>
      </c>
      <c r="H12" s="17"/>
      <c r="I12" s="13">
        <v>2844</v>
      </c>
      <c r="J12" s="19">
        <v>1502</v>
      </c>
      <c r="K12" s="19">
        <v>1342</v>
      </c>
    </row>
    <row r="13" spans="1:11" ht="15" customHeight="1">
      <c r="A13" s="17" t="s">
        <v>23</v>
      </c>
      <c r="B13" s="17"/>
      <c r="C13" s="13">
        <v>1466</v>
      </c>
      <c r="D13" s="19">
        <v>759</v>
      </c>
      <c r="E13" s="19">
        <v>707</v>
      </c>
      <c r="F13" s="19"/>
      <c r="G13" s="18" t="s">
        <v>24</v>
      </c>
      <c r="H13" s="17"/>
      <c r="I13" s="13">
        <v>2577</v>
      </c>
      <c r="J13" s="19">
        <v>1367</v>
      </c>
      <c r="K13" s="19">
        <v>1210</v>
      </c>
    </row>
    <row r="14" spans="1:11" ht="15" customHeight="1">
      <c r="A14" s="17" t="s">
        <v>25</v>
      </c>
      <c r="B14" s="17"/>
      <c r="C14" s="13">
        <v>1518</v>
      </c>
      <c r="D14" s="19">
        <v>753</v>
      </c>
      <c r="E14" s="19">
        <v>765</v>
      </c>
      <c r="F14" s="19"/>
      <c r="G14" s="18" t="s">
        <v>26</v>
      </c>
      <c r="H14" s="17"/>
      <c r="I14" s="13">
        <v>2537</v>
      </c>
      <c r="J14" s="19">
        <v>1360</v>
      </c>
      <c r="K14" s="19">
        <v>1177</v>
      </c>
    </row>
    <row r="15" spans="1:11" ht="15" customHeight="1">
      <c r="A15" s="17" t="s">
        <v>27</v>
      </c>
      <c r="B15" s="17"/>
      <c r="C15" s="13">
        <v>1442</v>
      </c>
      <c r="D15" s="19">
        <v>754</v>
      </c>
      <c r="E15" s="19">
        <v>688</v>
      </c>
      <c r="F15" s="19"/>
      <c r="G15" s="18" t="s">
        <v>28</v>
      </c>
      <c r="H15" s="17"/>
      <c r="I15" s="13">
        <v>2416</v>
      </c>
      <c r="J15" s="19">
        <v>1284</v>
      </c>
      <c r="K15" s="19">
        <v>1132</v>
      </c>
    </row>
    <row r="16" spans="1:11" ht="15" customHeight="1">
      <c r="A16" s="17" t="s">
        <v>29</v>
      </c>
      <c r="B16" s="17"/>
      <c r="C16" s="13">
        <v>1456</v>
      </c>
      <c r="D16" s="19">
        <v>756</v>
      </c>
      <c r="E16" s="19">
        <v>700</v>
      </c>
      <c r="F16" s="19"/>
      <c r="G16" s="18" t="s">
        <v>30</v>
      </c>
      <c r="H16" s="17"/>
      <c r="I16" s="13">
        <v>2324</v>
      </c>
      <c r="J16" s="19">
        <v>1236</v>
      </c>
      <c r="K16" s="19">
        <v>1088</v>
      </c>
    </row>
    <row r="17" spans="1:11" ht="20.100000000000001" customHeight="1">
      <c r="A17" s="20" t="s">
        <v>31</v>
      </c>
      <c r="B17" s="20"/>
      <c r="C17" s="13">
        <v>7497</v>
      </c>
      <c r="D17" s="14">
        <v>3881</v>
      </c>
      <c r="E17" s="14">
        <v>3616</v>
      </c>
      <c r="F17" s="14"/>
      <c r="G17" s="18" t="s">
        <v>32</v>
      </c>
      <c r="H17" s="17"/>
      <c r="I17" s="13">
        <v>10093</v>
      </c>
      <c r="J17" s="14">
        <v>5125</v>
      </c>
      <c r="K17" s="14">
        <v>4968</v>
      </c>
    </row>
    <row r="18" spans="1:11" ht="15" customHeight="1">
      <c r="A18" s="17" t="s">
        <v>33</v>
      </c>
      <c r="B18" s="17"/>
      <c r="C18" s="13">
        <v>1492</v>
      </c>
      <c r="D18" s="19">
        <v>753</v>
      </c>
      <c r="E18" s="19">
        <v>739</v>
      </c>
      <c r="F18" s="19"/>
      <c r="G18" s="18" t="s">
        <v>34</v>
      </c>
      <c r="H18" s="17"/>
      <c r="I18" s="13">
        <v>2260</v>
      </c>
      <c r="J18" s="19">
        <v>1184</v>
      </c>
      <c r="K18" s="19">
        <v>1076</v>
      </c>
    </row>
    <row r="19" spans="1:11" ht="15" customHeight="1">
      <c r="A19" s="17" t="s">
        <v>35</v>
      </c>
      <c r="B19" s="17"/>
      <c r="C19" s="13">
        <v>1528</v>
      </c>
      <c r="D19" s="19">
        <v>798</v>
      </c>
      <c r="E19" s="19">
        <v>730</v>
      </c>
      <c r="F19" s="19"/>
      <c r="G19" s="18" t="s">
        <v>36</v>
      </c>
      <c r="H19" s="17"/>
      <c r="I19" s="13">
        <v>1937</v>
      </c>
      <c r="J19" s="19">
        <v>963</v>
      </c>
      <c r="K19" s="19">
        <v>974</v>
      </c>
    </row>
    <row r="20" spans="1:11" ht="15" customHeight="1">
      <c r="A20" s="17" t="s">
        <v>37</v>
      </c>
      <c r="B20" s="17"/>
      <c r="C20" s="13">
        <v>1494</v>
      </c>
      <c r="D20" s="19">
        <v>773</v>
      </c>
      <c r="E20" s="19">
        <v>721</v>
      </c>
      <c r="F20" s="19"/>
      <c r="G20" s="18" t="s">
        <v>38</v>
      </c>
      <c r="H20" s="17"/>
      <c r="I20" s="13">
        <v>1919</v>
      </c>
      <c r="J20" s="19">
        <v>989</v>
      </c>
      <c r="K20" s="19">
        <v>930</v>
      </c>
    </row>
    <row r="21" spans="1:11" ht="15" customHeight="1">
      <c r="A21" s="17" t="s">
        <v>39</v>
      </c>
      <c r="B21" s="17"/>
      <c r="C21" s="13">
        <v>1474</v>
      </c>
      <c r="D21" s="19">
        <v>764</v>
      </c>
      <c r="E21" s="19">
        <v>710</v>
      </c>
      <c r="F21" s="19"/>
      <c r="G21" s="18" t="s">
        <v>40</v>
      </c>
      <c r="H21" s="17"/>
      <c r="I21" s="13">
        <v>2067</v>
      </c>
      <c r="J21" s="19">
        <v>1045</v>
      </c>
      <c r="K21" s="19">
        <v>1022</v>
      </c>
    </row>
    <row r="22" spans="1:11" ht="15" customHeight="1">
      <c r="A22" s="17" t="s">
        <v>41</v>
      </c>
      <c r="B22" s="17"/>
      <c r="C22" s="13">
        <v>1509</v>
      </c>
      <c r="D22" s="19">
        <v>793</v>
      </c>
      <c r="E22" s="19">
        <v>716</v>
      </c>
      <c r="F22" s="19"/>
      <c r="G22" s="18" t="s">
        <v>42</v>
      </c>
      <c r="H22" s="17"/>
      <c r="I22" s="13">
        <v>1910</v>
      </c>
      <c r="J22" s="19">
        <v>944</v>
      </c>
      <c r="K22" s="19">
        <v>966</v>
      </c>
    </row>
    <row r="23" spans="1:11" ht="20.100000000000001" customHeight="1">
      <c r="A23" s="17" t="s">
        <v>43</v>
      </c>
      <c r="B23" s="17"/>
      <c r="C23" s="13">
        <v>8693</v>
      </c>
      <c r="D23" s="14">
        <v>4441</v>
      </c>
      <c r="E23" s="14">
        <v>4252</v>
      </c>
      <c r="F23" s="14"/>
      <c r="G23" s="18" t="s">
        <v>44</v>
      </c>
      <c r="H23" s="17"/>
      <c r="I23" s="13">
        <v>11027</v>
      </c>
      <c r="J23" s="14">
        <v>5521</v>
      </c>
      <c r="K23" s="14">
        <v>5506</v>
      </c>
    </row>
    <row r="24" spans="1:11" ht="15" customHeight="1">
      <c r="A24" s="17" t="s">
        <v>45</v>
      </c>
      <c r="B24" s="17"/>
      <c r="C24" s="13">
        <v>1469</v>
      </c>
      <c r="D24" s="19">
        <v>766</v>
      </c>
      <c r="E24" s="19">
        <v>703</v>
      </c>
      <c r="F24" s="19"/>
      <c r="G24" s="18" t="s">
        <v>46</v>
      </c>
      <c r="H24" s="17"/>
      <c r="I24" s="13">
        <v>2015</v>
      </c>
      <c r="J24" s="19">
        <v>1032</v>
      </c>
      <c r="K24" s="19">
        <v>983</v>
      </c>
    </row>
    <row r="25" spans="1:11" ht="15" customHeight="1">
      <c r="A25" s="17" t="s">
        <v>47</v>
      </c>
      <c r="B25" s="17"/>
      <c r="C25" s="13">
        <v>1631</v>
      </c>
      <c r="D25" s="19">
        <v>841</v>
      </c>
      <c r="E25" s="19">
        <v>790</v>
      </c>
      <c r="F25" s="19"/>
      <c r="G25" s="18" t="s">
        <v>48</v>
      </c>
      <c r="H25" s="17"/>
      <c r="I25" s="13">
        <v>2099</v>
      </c>
      <c r="J25" s="19">
        <v>1062</v>
      </c>
      <c r="K25" s="19">
        <v>1037</v>
      </c>
    </row>
    <row r="26" spans="1:11" ht="15" customHeight="1">
      <c r="A26" s="17" t="s">
        <v>49</v>
      </c>
      <c r="B26" s="17"/>
      <c r="C26" s="13">
        <v>1614</v>
      </c>
      <c r="D26" s="19">
        <v>793</v>
      </c>
      <c r="E26" s="19">
        <v>821</v>
      </c>
      <c r="F26" s="19"/>
      <c r="G26" s="18" t="s">
        <v>50</v>
      </c>
      <c r="H26" s="17"/>
      <c r="I26" s="13">
        <v>2076</v>
      </c>
      <c r="J26" s="19">
        <v>1037</v>
      </c>
      <c r="K26" s="19">
        <v>1039</v>
      </c>
    </row>
    <row r="27" spans="1:11" ht="15" customHeight="1">
      <c r="A27" s="17" t="s">
        <v>51</v>
      </c>
      <c r="B27" s="17"/>
      <c r="C27" s="13">
        <v>1861</v>
      </c>
      <c r="D27" s="19">
        <v>961</v>
      </c>
      <c r="E27" s="19">
        <v>900</v>
      </c>
      <c r="F27" s="19"/>
      <c r="G27" s="18" t="s">
        <v>52</v>
      </c>
      <c r="H27" s="17"/>
      <c r="I27" s="13">
        <v>2331</v>
      </c>
      <c r="J27" s="19">
        <v>1134</v>
      </c>
      <c r="K27" s="19">
        <v>1197</v>
      </c>
    </row>
    <row r="28" spans="1:11" ht="15" customHeight="1">
      <c r="A28" s="17" t="s">
        <v>53</v>
      </c>
      <c r="B28" s="17"/>
      <c r="C28" s="13">
        <v>2118</v>
      </c>
      <c r="D28" s="19">
        <v>1080</v>
      </c>
      <c r="E28" s="19">
        <v>1038</v>
      </c>
      <c r="F28" s="19"/>
      <c r="G28" s="18" t="s">
        <v>54</v>
      </c>
      <c r="H28" s="17"/>
      <c r="I28" s="13">
        <v>2506</v>
      </c>
      <c r="J28" s="19">
        <v>1256</v>
      </c>
      <c r="K28" s="19">
        <v>1250</v>
      </c>
    </row>
    <row r="29" spans="1:11" ht="20.100000000000001" customHeight="1">
      <c r="A29" s="17" t="s">
        <v>55</v>
      </c>
      <c r="B29" s="17"/>
      <c r="C29" s="13">
        <v>18307</v>
      </c>
      <c r="D29" s="14">
        <v>9863</v>
      </c>
      <c r="E29" s="14">
        <v>8444</v>
      </c>
      <c r="F29" s="14"/>
      <c r="G29" s="18" t="s">
        <v>56</v>
      </c>
      <c r="H29" s="17"/>
      <c r="I29" s="13">
        <v>9809</v>
      </c>
      <c r="J29" s="14">
        <v>4658</v>
      </c>
      <c r="K29" s="14">
        <v>5151</v>
      </c>
    </row>
    <row r="30" spans="1:11" ht="15" customHeight="1">
      <c r="A30" s="17" t="s">
        <v>57</v>
      </c>
      <c r="B30" s="17"/>
      <c r="C30" s="13">
        <v>2395</v>
      </c>
      <c r="D30" s="19">
        <v>1238</v>
      </c>
      <c r="E30" s="19">
        <v>1157</v>
      </c>
      <c r="F30" s="19"/>
      <c r="G30" s="18" t="s">
        <v>58</v>
      </c>
      <c r="H30" s="17"/>
      <c r="I30" s="13">
        <v>2444</v>
      </c>
      <c r="J30" s="19">
        <v>1184</v>
      </c>
      <c r="K30" s="19">
        <v>1260</v>
      </c>
    </row>
    <row r="31" spans="1:11" ht="15" customHeight="1">
      <c r="A31" s="17" t="s">
        <v>59</v>
      </c>
      <c r="B31" s="17"/>
      <c r="C31" s="13">
        <v>2964</v>
      </c>
      <c r="D31" s="19">
        <v>1502</v>
      </c>
      <c r="E31" s="19">
        <v>1462</v>
      </c>
      <c r="F31" s="19"/>
      <c r="G31" s="18" t="s">
        <v>60</v>
      </c>
      <c r="H31" s="17"/>
      <c r="I31" s="13">
        <v>2379</v>
      </c>
      <c r="J31" s="19">
        <v>1138</v>
      </c>
      <c r="K31" s="19">
        <v>1241</v>
      </c>
    </row>
    <row r="32" spans="1:11" ht="15" customHeight="1">
      <c r="A32" s="17" t="s">
        <v>61</v>
      </c>
      <c r="B32" s="17"/>
      <c r="C32" s="13">
        <v>3917</v>
      </c>
      <c r="D32" s="19">
        <v>2141</v>
      </c>
      <c r="E32" s="19">
        <v>1776</v>
      </c>
      <c r="F32" s="19"/>
      <c r="G32" s="18" t="s">
        <v>62</v>
      </c>
      <c r="H32" s="17"/>
      <c r="I32" s="13">
        <v>1652</v>
      </c>
      <c r="J32" s="19">
        <v>802</v>
      </c>
      <c r="K32" s="19">
        <v>850</v>
      </c>
    </row>
    <row r="33" spans="1:11" ht="15" customHeight="1">
      <c r="A33" s="17" t="s">
        <v>63</v>
      </c>
      <c r="B33" s="17"/>
      <c r="C33" s="13">
        <v>4488</v>
      </c>
      <c r="D33" s="19">
        <v>2510</v>
      </c>
      <c r="E33" s="19">
        <v>1978</v>
      </c>
      <c r="F33" s="19"/>
      <c r="G33" s="18" t="s">
        <v>64</v>
      </c>
      <c r="H33" s="17"/>
      <c r="I33" s="13">
        <v>1478</v>
      </c>
      <c r="J33" s="19">
        <v>695</v>
      </c>
      <c r="K33" s="19">
        <v>783</v>
      </c>
    </row>
    <row r="34" spans="1:11" ht="15" customHeight="1">
      <c r="A34" s="17" t="s">
        <v>65</v>
      </c>
      <c r="B34" s="17"/>
      <c r="C34" s="13">
        <v>4543</v>
      </c>
      <c r="D34" s="19">
        <v>2472</v>
      </c>
      <c r="E34" s="19">
        <v>2071</v>
      </c>
      <c r="F34" s="19"/>
      <c r="G34" s="18" t="s">
        <v>66</v>
      </c>
      <c r="H34" s="17"/>
      <c r="I34" s="13">
        <v>1856</v>
      </c>
      <c r="J34" s="19">
        <v>839</v>
      </c>
      <c r="K34" s="19">
        <v>1017</v>
      </c>
    </row>
    <row r="35" spans="1:11" ht="20.100000000000001" customHeight="1">
      <c r="A35" s="17" t="s">
        <v>67</v>
      </c>
      <c r="B35" s="17"/>
      <c r="C35" s="13">
        <v>17861</v>
      </c>
      <c r="D35" s="14">
        <v>9418</v>
      </c>
      <c r="E35" s="14">
        <v>8443</v>
      </c>
      <c r="F35" s="14"/>
      <c r="G35" s="18" t="s">
        <v>68</v>
      </c>
      <c r="H35" s="17"/>
      <c r="I35" s="13">
        <v>8395</v>
      </c>
      <c r="J35" s="14">
        <v>3701</v>
      </c>
      <c r="K35" s="14">
        <v>4694</v>
      </c>
    </row>
    <row r="36" spans="1:11" ht="15" customHeight="1">
      <c r="A36" s="17" t="s">
        <v>69</v>
      </c>
      <c r="B36" s="17"/>
      <c r="C36" s="13">
        <v>4160</v>
      </c>
      <c r="D36" s="19">
        <v>2218</v>
      </c>
      <c r="E36" s="19">
        <v>1942</v>
      </c>
      <c r="F36" s="19"/>
      <c r="G36" s="18" t="s">
        <v>70</v>
      </c>
      <c r="H36" s="17"/>
      <c r="I36" s="13">
        <v>1878</v>
      </c>
      <c r="J36" s="19">
        <v>853</v>
      </c>
      <c r="K36" s="19">
        <v>1025</v>
      </c>
    </row>
    <row r="37" spans="1:11" ht="15" customHeight="1">
      <c r="A37" s="17" t="s">
        <v>71</v>
      </c>
      <c r="B37" s="17"/>
      <c r="C37" s="13">
        <v>3660</v>
      </c>
      <c r="D37" s="19">
        <v>1933</v>
      </c>
      <c r="E37" s="19">
        <v>1727</v>
      </c>
      <c r="F37" s="19"/>
      <c r="G37" s="18" t="s">
        <v>72</v>
      </c>
      <c r="H37" s="17"/>
      <c r="I37" s="13">
        <v>1844</v>
      </c>
      <c r="J37" s="19">
        <v>825</v>
      </c>
      <c r="K37" s="19">
        <v>1019</v>
      </c>
    </row>
    <row r="38" spans="1:11" ht="15" customHeight="1">
      <c r="A38" s="17" t="s">
        <v>73</v>
      </c>
      <c r="B38" s="17"/>
      <c r="C38" s="13">
        <v>3403</v>
      </c>
      <c r="D38" s="19">
        <v>1766</v>
      </c>
      <c r="E38" s="19">
        <v>1637</v>
      </c>
      <c r="F38" s="19"/>
      <c r="G38" s="18" t="s">
        <v>74</v>
      </c>
      <c r="H38" s="17"/>
      <c r="I38" s="13">
        <v>1724</v>
      </c>
      <c r="J38" s="19">
        <v>735</v>
      </c>
      <c r="K38" s="19">
        <v>989</v>
      </c>
    </row>
    <row r="39" spans="1:11" ht="15" customHeight="1">
      <c r="A39" s="17" t="s">
        <v>75</v>
      </c>
      <c r="B39" s="17"/>
      <c r="C39" s="13">
        <v>3316</v>
      </c>
      <c r="D39" s="19">
        <v>1746</v>
      </c>
      <c r="E39" s="19">
        <v>1570</v>
      </c>
      <c r="F39" s="19"/>
      <c r="G39" s="18" t="s">
        <v>76</v>
      </c>
      <c r="H39" s="17"/>
      <c r="I39" s="13">
        <v>1529</v>
      </c>
      <c r="J39" s="19">
        <v>677</v>
      </c>
      <c r="K39" s="19">
        <v>852</v>
      </c>
    </row>
    <row r="40" spans="1:11" ht="15" customHeight="1">
      <c r="A40" s="17" t="s">
        <v>77</v>
      </c>
      <c r="B40" s="17"/>
      <c r="C40" s="13">
        <v>3322</v>
      </c>
      <c r="D40" s="19">
        <v>1755</v>
      </c>
      <c r="E40" s="19">
        <v>1567</v>
      </c>
      <c r="F40" s="19"/>
      <c r="G40" s="18" t="s">
        <v>78</v>
      </c>
      <c r="H40" s="17"/>
      <c r="I40" s="13">
        <v>1420</v>
      </c>
      <c r="J40" s="19">
        <v>611</v>
      </c>
      <c r="K40" s="19">
        <v>809</v>
      </c>
    </row>
    <row r="41" spans="1:11" ht="20.100000000000001" customHeight="1">
      <c r="A41" s="17" t="s">
        <v>79</v>
      </c>
      <c r="B41" s="17"/>
      <c r="C41" s="13">
        <v>16488</v>
      </c>
      <c r="D41" s="14">
        <v>8672</v>
      </c>
      <c r="E41" s="14">
        <v>7816</v>
      </c>
      <c r="F41" s="14"/>
      <c r="G41" s="18" t="s">
        <v>80</v>
      </c>
      <c r="H41" s="17"/>
      <c r="I41" s="13">
        <v>6389</v>
      </c>
      <c r="J41" s="14">
        <v>2589</v>
      </c>
      <c r="K41" s="14">
        <v>3800</v>
      </c>
    </row>
    <row r="42" spans="1:11" ht="15" customHeight="1">
      <c r="A42" s="17" t="s">
        <v>81</v>
      </c>
      <c r="B42" s="17"/>
      <c r="C42" s="13">
        <v>3242</v>
      </c>
      <c r="D42" s="19">
        <v>1711</v>
      </c>
      <c r="E42" s="19">
        <v>1531</v>
      </c>
      <c r="F42" s="19"/>
      <c r="G42" s="18" t="s">
        <v>82</v>
      </c>
      <c r="H42" s="17"/>
      <c r="I42" s="13">
        <v>1349</v>
      </c>
      <c r="J42" s="19">
        <v>593</v>
      </c>
      <c r="K42" s="19">
        <v>756</v>
      </c>
    </row>
    <row r="43" spans="1:11" ht="15" customHeight="1">
      <c r="A43" s="17" t="s">
        <v>83</v>
      </c>
      <c r="B43" s="17"/>
      <c r="C43" s="13">
        <v>3266</v>
      </c>
      <c r="D43" s="19">
        <v>1622</v>
      </c>
      <c r="E43" s="19">
        <v>1644</v>
      </c>
      <c r="F43" s="19"/>
      <c r="G43" s="18" t="s">
        <v>84</v>
      </c>
      <c r="H43" s="17"/>
      <c r="I43" s="13">
        <v>1405</v>
      </c>
      <c r="J43" s="19">
        <v>556</v>
      </c>
      <c r="K43" s="19">
        <v>849</v>
      </c>
    </row>
    <row r="44" spans="1:11" ht="15" customHeight="1">
      <c r="A44" s="17" t="s">
        <v>85</v>
      </c>
      <c r="B44" s="17"/>
      <c r="C44" s="13">
        <v>3318</v>
      </c>
      <c r="D44" s="19">
        <v>1764</v>
      </c>
      <c r="E44" s="19">
        <v>1554</v>
      </c>
      <c r="F44" s="19"/>
      <c r="G44" s="18" t="s">
        <v>86</v>
      </c>
      <c r="H44" s="17"/>
      <c r="I44" s="13">
        <v>1323</v>
      </c>
      <c r="J44" s="19">
        <v>542</v>
      </c>
      <c r="K44" s="19">
        <v>781</v>
      </c>
    </row>
    <row r="45" spans="1:11" ht="15" customHeight="1">
      <c r="A45" s="17" t="s">
        <v>87</v>
      </c>
      <c r="B45" s="17"/>
      <c r="C45" s="13">
        <v>3259</v>
      </c>
      <c r="D45" s="19">
        <v>1767</v>
      </c>
      <c r="E45" s="19">
        <v>1492</v>
      </c>
      <c r="F45" s="19"/>
      <c r="G45" s="18" t="s">
        <v>88</v>
      </c>
      <c r="H45" s="17"/>
      <c r="I45" s="13">
        <v>1271</v>
      </c>
      <c r="J45" s="19">
        <v>519</v>
      </c>
      <c r="K45" s="19">
        <v>752</v>
      </c>
    </row>
    <row r="46" spans="1:11" ht="15" customHeight="1">
      <c r="A46" s="17" t="s">
        <v>89</v>
      </c>
      <c r="B46" s="17"/>
      <c r="C46" s="13">
        <v>3403</v>
      </c>
      <c r="D46" s="19">
        <v>1808</v>
      </c>
      <c r="E46" s="19">
        <v>1595</v>
      </c>
      <c r="F46" s="19"/>
      <c r="G46" s="18" t="s">
        <v>90</v>
      </c>
      <c r="H46" s="17"/>
      <c r="I46" s="13">
        <v>1041</v>
      </c>
      <c r="J46" s="19">
        <v>379</v>
      </c>
      <c r="K46" s="19">
        <v>662</v>
      </c>
    </row>
    <row r="47" spans="1:11" ht="20.100000000000001" customHeight="1">
      <c r="A47" s="17" t="s">
        <v>91</v>
      </c>
      <c r="B47" s="17"/>
      <c r="C47" s="13">
        <v>15765</v>
      </c>
      <c r="D47" s="14">
        <v>8406</v>
      </c>
      <c r="E47" s="14">
        <v>7359</v>
      </c>
      <c r="F47" s="14"/>
      <c r="G47" s="18" t="s">
        <v>92</v>
      </c>
      <c r="H47" s="17"/>
      <c r="I47" s="13">
        <v>4114</v>
      </c>
      <c r="J47" s="14">
        <v>1537</v>
      </c>
      <c r="K47" s="14">
        <v>2577</v>
      </c>
    </row>
    <row r="48" spans="1:11" ht="15" customHeight="1">
      <c r="A48" s="17" t="s">
        <v>93</v>
      </c>
      <c r="B48" s="17"/>
      <c r="C48" s="13">
        <v>3203</v>
      </c>
      <c r="D48" s="19">
        <v>1661</v>
      </c>
      <c r="E48" s="19">
        <v>1542</v>
      </c>
      <c r="F48" s="19"/>
      <c r="G48" s="18" t="s">
        <v>94</v>
      </c>
      <c r="H48" s="17"/>
      <c r="I48" s="13">
        <v>974</v>
      </c>
      <c r="J48" s="19">
        <v>406</v>
      </c>
      <c r="K48" s="19">
        <v>568</v>
      </c>
    </row>
    <row r="49" spans="1:11" ht="15" customHeight="1">
      <c r="A49" s="17" t="s">
        <v>95</v>
      </c>
      <c r="B49" s="17"/>
      <c r="C49" s="13">
        <v>3256</v>
      </c>
      <c r="D49" s="19">
        <v>1709</v>
      </c>
      <c r="E49" s="19">
        <v>1547</v>
      </c>
      <c r="F49" s="19"/>
      <c r="G49" s="18" t="s">
        <v>96</v>
      </c>
      <c r="H49" s="17"/>
      <c r="I49" s="13">
        <v>974</v>
      </c>
      <c r="J49" s="19">
        <v>368</v>
      </c>
      <c r="K49" s="19">
        <v>606</v>
      </c>
    </row>
    <row r="50" spans="1:11" ht="15" customHeight="1">
      <c r="A50" s="17" t="s">
        <v>97</v>
      </c>
      <c r="B50" s="17"/>
      <c r="C50" s="13">
        <v>3079</v>
      </c>
      <c r="D50" s="19">
        <v>1625</v>
      </c>
      <c r="E50" s="19">
        <v>1454</v>
      </c>
      <c r="F50" s="19"/>
      <c r="G50" s="18" t="s">
        <v>98</v>
      </c>
      <c r="H50" s="17"/>
      <c r="I50" s="13">
        <v>820</v>
      </c>
      <c r="J50" s="19">
        <v>308</v>
      </c>
      <c r="K50" s="19">
        <v>512</v>
      </c>
    </row>
    <row r="51" spans="1:11" ht="15" customHeight="1">
      <c r="A51" s="17" t="s">
        <v>99</v>
      </c>
      <c r="B51" s="17"/>
      <c r="C51" s="13">
        <v>3065</v>
      </c>
      <c r="D51" s="19">
        <v>1688</v>
      </c>
      <c r="E51" s="19">
        <v>1377</v>
      </c>
      <c r="F51" s="19"/>
      <c r="G51" s="18" t="s">
        <v>100</v>
      </c>
      <c r="H51" s="17"/>
      <c r="I51" s="13">
        <v>733</v>
      </c>
      <c r="J51" s="19">
        <v>247</v>
      </c>
      <c r="K51" s="19">
        <v>486</v>
      </c>
    </row>
    <row r="52" spans="1:11" ht="15" customHeight="1">
      <c r="A52" s="17" t="s">
        <v>101</v>
      </c>
      <c r="B52" s="17"/>
      <c r="C52" s="13">
        <v>3162</v>
      </c>
      <c r="D52" s="19">
        <v>1723</v>
      </c>
      <c r="E52" s="19">
        <v>1439</v>
      </c>
      <c r="F52" s="19"/>
      <c r="G52" s="18" t="s">
        <v>102</v>
      </c>
      <c r="H52" s="17"/>
      <c r="I52" s="13">
        <v>613</v>
      </c>
      <c r="J52" s="19">
        <v>208</v>
      </c>
      <c r="K52" s="19">
        <v>405</v>
      </c>
    </row>
    <row r="53" spans="1:11" ht="20.100000000000001" customHeight="1">
      <c r="A53" s="17" t="s">
        <v>103</v>
      </c>
      <c r="B53" s="17"/>
      <c r="C53" s="13">
        <v>16186</v>
      </c>
      <c r="D53" s="14">
        <v>8549</v>
      </c>
      <c r="E53" s="14">
        <v>7637</v>
      </c>
      <c r="F53" s="14"/>
      <c r="G53" s="18" t="s">
        <v>104</v>
      </c>
      <c r="H53" s="17"/>
      <c r="I53" s="13">
        <v>1877</v>
      </c>
      <c r="J53" s="14">
        <v>552</v>
      </c>
      <c r="K53" s="14">
        <v>1325</v>
      </c>
    </row>
    <row r="54" spans="1:11" ht="15" customHeight="1">
      <c r="A54" s="17" t="s">
        <v>105</v>
      </c>
      <c r="B54" s="17"/>
      <c r="C54" s="13">
        <v>3152</v>
      </c>
      <c r="D54" s="19">
        <v>1664</v>
      </c>
      <c r="E54" s="19">
        <v>1488</v>
      </c>
      <c r="F54" s="19"/>
      <c r="G54" s="18" t="s">
        <v>106</v>
      </c>
      <c r="H54" s="17"/>
      <c r="I54" s="13">
        <v>534</v>
      </c>
      <c r="J54" s="19">
        <v>172</v>
      </c>
      <c r="K54" s="19">
        <v>362</v>
      </c>
    </row>
    <row r="55" spans="1:11" ht="15" customHeight="1">
      <c r="A55" s="17" t="s">
        <v>107</v>
      </c>
      <c r="B55" s="17"/>
      <c r="C55" s="13">
        <v>3197</v>
      </c>
      <c r="D55" s="19">
        <v>1694</v>
      </c>
      <c r="E55" s="19">
        <v>1503</v>
      </c>
      <c r="F55" s="19"/>
      <c r="G55" s="18" t="s">
        <v>108</v>
      </c>
      <c r="H55" s="17"/>
      <c r="I55" s="13">
        <v>442</v>
      </c>
      <c r="J55" s="19">
        <v>137</v>
      </c>
      <c r="K55" s="19">
        <v>305</v>
      </c>
    </row>
    <row r="56" spans="1:11" ht="15" customHeight="1">
      <c r="A56" s="17" t="s">
        <v>109</v>
      </c>
      <c r="B56" s="17"/>
      <c r="C56" s="13">
        <v>3233</v>
      </c>
      <c r="D56" s="19">
        <v>1709</v>
      </c>
      <c r="E56" s="19">
        <v>1524</v>
      </c>
      <c r="F56" s="19"/>
      <c r="G56" s="18" t="s">
        <v>110</v>
      </c>
      <c r="H56" s="17"/>
      <c r="I56" s="13">
        <v>350</v>
      </c>
      <c r="J56" s="19">
        <v>92</v>
      </c>
      <c r="K56" s="19">
        <v>258</v>
      </c>
    </row>
    <row r="57" spans="1:11" ht="15" customHeight="1">
      <c r="A57" s="17" t="s">
        <v>111</v>
      </c>
      <c r="B57" s="17"/>
      <c r="C57" s="13">
        <v>3222</v>
      </c>
      <c r="D57" s="19">
        <v>1710</v>
      </c>
      <c r="E57" s="19">
        <v>1512</v>
      </c>
      <c r="F57" s="19"/>
      <c r="G57" s="18" t="s">
        <v>112</v>
      </c>
      <c r="H57" s="17"/>
      <c r="I57" s="13">
        <v>302</v>
      </c>
      <c r="J57" s="19">
        <v>89</v>
      </c>
      <c r="K57" s="19">
        <v>213</v>
      </c>
    </row>
    <row r="58" spans="1:11" ht="15" customHeight="1">
      <c r="A58" s="17" t="s">
        <v>113</v>
      </c>
      <c r="B58" s="17"/>
      <c r="C58" s="13">
        <v>3382</v>
      </c>
      <c r="D58" s="19">
        <v>1772</v>
      </c>
      <c r="E58" s="19">
        <v>1610</v>
      </c>
      <c r="F58" s="19"/>
      <c r="G58" s="18" t="s">
        <v>114</v>
      </c>
      <c r="H58" s="17"/>
      <c r="I58" s="13">
        <v>249</v>
      </c>
      <c r="J58" s="19">
        <v>62</v>
      </c>
      <c r="K58" s="19">
        <v>187</v>
      </c>
    </row>
    <row r="59" spans="1:11" ht="20.100000000000001" customHeight="1">
      <c r="A59" s="17" t="s">
        <v>115</v>
      </c>
      <c r="B59" s="17"/>
      <c r="C59" s="13">
        <v>17600</v>
      </c>
      <c r="D59" s="14">
        <v>9173</v>
      </c>
      <c r="E59" s="14">
        <v>8427</v>
      </c>
      <c r="F59" s="14"/>
      <c r="G59" s="18" t="s">
        <v>116</v>
      </c>
      <c r="H59" s="17"/>
      <c r="I59" s="13">
        <v>540</v>
      </c>
      <c r="J59" s="14">
        <v>127</v>
      </c>
      <c r="K59" s="14">
        <v>413</v>
      </c>
    </row>
    <row r="60" spans="1:11" ht="15" customHeight="1">
      <c r="A60" s="17" t="s">
        <v>117</v>
      </c>
      <c r="B60" s="17"/>
      <c r="C60" s="13">
        <v>3513</v>
      </c>
      <c r="D60" s="19">
        <v>1911</v>
      </c>
      <c r="E60" s="19">
        <v>1602</v>
      </c>
      <c r="F60" s="19"/>
      <c r="G60" s="18" t="s">
        <v>118</v>
      </c>
      <c r="H60" s="17"/>
      <c r="I60" s="13">
        <v>178</v>
      </c>
      <c r="J60" s="19">
        <v>51</v>
      </c>
      <c r="K60" s="19">
        <v>127</v>
      </c>
    </row>
    <row r="61" spans="1:11" ht="15" customHeight="1">
      <c r="A61" s="17" t="s">
        <v>119</v>
      </c>
      <c r="B61" s="17"/>
      <c r="C61" s="13">
        <v>3571</v>
      </c>
      <c r="D61" s="19">
        <v>1791</v>
      </c>
      <c r="E61" s="19">
        <v>1780</v>
      </c>
      <c r="F61" s="19"/>
      <c r="G61" s="18" t="s">
        <v>120</v>
      </c>
      <c r="H61" s="17"/>
      <c r="I61" s="13">
        <v>142</v>
      </c>
      <c r="J61" s="19">
        <v>29</v>
      </c>
      <c r="K61" s="19">
        <v>113</v>
      </c>
    </row>
    <row r="62" spans="1:11" ht="15" customHeight="1">
      <c r="A62" s="17" t="s">
        <v>121</v>
      </c>
      <c r="B62" s="17"/>
      <c r="C62" s="13">
        <v>3535</v>
      </c>
      <c r="D62" s="19">
        <v>1796</v>
      </c>
      <c r="E62" s="19">
        <v>1739</v>
      </c>
      <c r="F62" s="19"/>
      <c r="G62" s="18" t="s">
        <v>122</v>
      </c>
      <c r="H62" s="17"/>
      <c r="I62" s="13">
        <v>101</v>
      </c>
      <c r="J62" s="19">
        <v>20</v>
      </c>
      <c r="K62" s="19">
        <v>81</v>
      </c>
    </row>
    <row r="63" spans="1:11" ht="15" customHeight="1">
      <c r="A63" s="17" t="s">
        <v>123</v>
      </c>
      <c r="B63" s="17"/>
      <c r="C63" s="13">
        <v>3498</v>
      </c>
      <c r="D63" s="19">
        <v>1843</v>
      </c>
      <c r="E63" s="19">
        <v>1655</v>
      </c>
      <c r="F63" s="19"/>
      <c r="G63" s="18" t="s">
        <v>124</v>
      </c>
      <c r="H63" s="17"/>
      <c r="I63" s="13">
        <v>67</v>
      </c>
      <c r="J63" s="19">
        <v>14</v>
      </c>
      <c r="K63" s="19">
        <v>53</v>
      </c>
    </row>
    <row r="64" spans="1:11" ht="15" customHeight="1">
      <c r="A64" s="17" t="s">
        <v>125</v>
      </c>
      <c r="B64" s="17"/>
      <c r="C64" s="13">
        <v>3483</v>
      </c>
      <c r="D64" s="19">
        <v>1832</v>
      </c>
      <c r="E64" s="19">
        <v>1651</v>
      </c>
      <c r="F64" s="19"/>
      <c r="G64" s="18" t="s">
        <v>126</v>
      </c>
      <c r="H64" s="17"/>
      <c r="I64" s="13">
        <v>52</v>
      </c>
      <c r="J64" s="19">
        <v>13</v>
      </c>
      <c r="K64" s="19">
        <v>3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0</v>
      </c>
      <c r="J65" s="19">
        <v>20</v>
      </c>
      <c r="K65" s="19">
        <v>9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138</v>
      </c>
      <c r="J66" s="29">
        <v>1868</v>
      </c>
      <c r="K66" s="29">
        <v>127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6" pageOrder="overThenDown" orientation="portrait" blackAndWhite="1" useFirstPageNumber="1" horizontalDpi="300" verticalDpi="300"/>
  <headerFooter scaleWithDoc="0"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1325</v>
      </c>
      <c r="D4" s="14">
        <v>113071</v>
      </c>
      <c r="E4" s="14">
        <v>11825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088</v>
      </c>
      <c r="D5" s="14">
        <v>5129</v>
      </c>
      <c r="E5" s="14">
        <v>4959</v>
      </c>
      <c r="F5" s="14"/>
      <c r="G5" s="18" t="s">
        <v>8</v>
      </c>
      <c r="H5" s="17"/>
      <c r="I5" s="13">
        <v>17208</v>
      </c>
      <c r="J5" s="14">
        <v>8707</v>
      </c>
      <c r="K5" s="14">
        <v>8501</v>
      </c>
    </row>
    <row r="6" spans="1:11" ht="15" customHeight="1">
      <c r="A6" s="17" t="s">
        <v>9</v>
      </c>
      <c r="B6" s="17"/>
      <c r="C6" s="13">
        <v>2019</v>
      </c>
      <c r="D6" s="19">
        <v>1044</v>
      </c>
      <c r="E6" s="19">
        <v>975</v>
      </c>
      <c r="F6" s="19"/>
      <c r="G6" s="18" t="s">
        <v>10</v>
      </c>
      <c r="H6" s="17"/>
      <c r="I6" s="13">
        <v>3786</v>
      </c>
      <c r="J6" s="19">
        <v>1877</v>
      </c>
      <c r="K6" s="19">
        <v>1909</v>
      </c>
    </row>
    <row r="7" spans="1:11" ht="15" customHeight="1">
      <c r="A7" s="17" t="s">
        <v>11</v>
      </c>
      <c r="B7" s="17"/>
      <c r="C7" s="13">
        <v>2090</v>
      </c>
      <c r="D7" s="19">
        <v>1058</v>
      </c>
      <c r="E7" s="19">
        <v>1032</v>
      </c>
      <c r="F7" s="19"/>
      <c r="G7" s="18" t="s">
        <v>12</v>
      </c>
      <c r="H7" s="17"/>
      <c r="I7" s="13">
        <v>3807</v>
      </c>
      <c r="J7" s="19">
        <v>1942</v>
      </c>
      <c r="K7" s="19">
        <v>1865</v>
      </c>
    </row>
    <row r="8" spans="1:11" ht="15" customHeight="1">
      <c r="A8" s="17" t="s">
        <v>13</v>
      </c>
      <c r="B8" s="17"/>
      <c r="C8" s="13">
        <v>2177</v>
      </c>
      <c r="D8" s="19">
        <v>1129</v>
      </c>
      <c r="E8" s="19">
        <v>1048</v>
      </c>
      <c r="F8" s="19"/>
      <c r="G8" s="18" t="s">
        <v>14</v>
      </c>
      <c r="H8" s="17"/>
      <c r="I8" s="13">
        <v>2794</v>
      </c>
      <c r="J8" s="19">
        <v>1439</v>
      </c>
      <c r="K8" s="19">
        <v>1355</v>
      </c>
    </row>
    <row r="9" spans="1:11" ht="15" customHeight="1">
      <c r="A9" s="17" t="s">
        <v>15</v>
      </c>
      <c r="B9" s="17"/>
      <c r="C9" s="13">
        <v>1952</v>
      </c>
      <c r="D9" s="19">
        <v>962</v>
      </c>
      <c r="E9" s="19">
        <v>990</v>
      </c>
      <c r="F9" s="19"/>
      <c r="G9" s="18" t="s">
        <v>16</v>
      </c>
      <c r="H9" s="17"/>
      <c r="I9" s="13">
        <v>3630</v>
      </c>
      <c r="J9" s="19">
        <v>1807</v>
      </c>
      <c r="K9" s="19">
        <v>1823</v>
      </c>
    </row>
    <row r="10" spans="1:11" ht="15" customHeight="1">
      <c r="A10" s="17" t="s">
        <v>17</v>
      </c>
      <c r="B10" s="17"/>
      <c r="C10" s="13">
        <v>1850</v>
      </c>
      <c r="D10" s="19">
        <v>936</v>
      </c>
      <c r="E10" s="19">
        <v>914</v>
      </c>
      <c r="F10" s="19"/>
      <c r="G10" s="18" t="s">
        <v>18</v>
      </c>
      <c r="H10" s="17"/>
      <c r="I10" s="13">
        <v>3191</v>
      </c>
      <c r="J10" s="19">
        <v>1642</v>
      </c>
      <c r="K10" s="19">
        <v>1549</v>
      </c>
    </row>
    <row r="11" spans="1:11" ht="20.100000000000001" customHeight="1">
      <c r="A11" s="17" t="s">
        <v>19</v>
      </c>
      <c r="B11" s="17"/>
      <c r="C11" s="13">
        <v>9434</v>
      </c>
      <c r="D11" s="14">
        <v>4838</v>
      </c>
      <c r="E11" s="14">
        <v>4596</v>
      </c>
      <c r="F11" s="14"/>
      <c r="G11" s="18" t="s">
        <v>20</v>
      </c>
      <c r="H11" s="17"/>
      <c r="I11" s="13">
        <v>13186</v>
      </c>
      <c r="J11" s="14">
        <v>6690</v>
      </c>
      <c r="K11" s="14">
        <v>6496</v>
      </c>
    </row>
    <row r="12" spans="1:11" ht="15" customHeight="1">
      <c r="A12" s="17" t="s">
        <v>21</v>
      </c>
      <c r="B12" s="17"/>
      <c r="C12" s="13">
        <v>1878</v>
      </c>
      <c r="D12" s="19">
        <v>931</v>
      </c>
      <c r="E12" s="19">
        <v>947</v>
      </c>
      <c r="F12" s="19"/>
      <c r="G12" s="18" t="s">
        <v>22</v>
      </c>
      <c r="H12" s="17"/>
      <c r="I12" s="13">
        <v>3028</v>
      </c>
      <c r="J12" s="19">
        <v>1529</v>
      </c>
      <c r="K12" s="19">
        <v>1499</v>
      </c>
    </row>
    <row r="13" spans="1:11" ht="15" customHeight="1">
      <c r="A13" s="17" t="s">
        <v>23</v>
      </c>
      <c r="B13" s="17"/>
      <c r="C13" s="13">
        <v>1873</v>
      </c>
      <c r="D13" s="19">
        <v>991</v>
      </c>
      <c r="E13" s="19">
        <v>882</v>
      </c>
      <c r="F13" s="19"/>
      <c r="G13" s="18" t="s">
        <v>24</v>
      </c>
      <c r="H13" s="17"/>
      <c r="I13" s="13">
        <v>2852</v>
      </c>
      <c r="J13" s="19">
        <v>1500</v>
      </c>
      <c r="K13" s="19">
        <v>1352</v>
      </c>
    </row>
    <row r="14" spans="1:11" ht="15" customHeight="1">
      <c r="A14" s="17" t="s">
        <v>25</v>
      </c>
      <c r="B14" s="17"/>
      <c r="C14" s="13">
        <v>1922</v>
      </c>
      <c r="D14" s="19">
        <v>983</v>
      </c>
      <c r="E14" s="19">
        <v>939</v>
      </c>
      <c r="F14" s="19"/>
      <c r="G14" s="18" t="s">
        <v>26</v>
      </c>
      <c r="H14" s="17"/>
      <c r="I14" s="13">
        <v>2587</v>
      </c>
      <c r="J14" s="19">
        <v>1278</v>
      </c>
      <c r="K14" s="19">
        <v>1309</v>
      </c>
    </row>
    <row r="15" spans="1:11" ht="15" customHeight="1">
      <c r="A15" s="17" t="s">
        <v>27</v>
      </c>
      <c r="B15" s="17"/>
      <c r="C15" s="13">
        <v>1865</v>
      </c>
      <c r="D15" s="19">
        <v>972</v>
      </c>
      <c r="E15" s="19">
        <v>893</v>
      </c>
      <c r="F15" s="19"/>
      <c r="G15" s="18" t="s">
        <v>28</v>
      </c>
      <c r="H15" s="17"/>
      <c r="I15" s="13">
        <v>2401</v>
      </c>
      <c r="J15" s="19">
        <v>1217</v>
      </c>
      <c r="K15" s="19">
        <v>1184</v>
      </c>
    </row>
    <row r="16" spans="1:11" ht="15" customHeight="1">
      <c r="A16" s="17" t="s">
        <v>29</v>
      </c>
      <c r="B16" s="17"/>
      <c r="C16" s="13">
        <v>1896</v>
      </c>
      <c r="D16" s="19">
        <v>961</v>
      </c>
      <c r="E16" s="19">
        <v>935</v>
      </c>
      <c r="F16" s="19"/>
      <c r="G16" s="18" t="s">
        <v>30</v>
      </c>
      <c r="H16" s="17"/>
      <c r="I16" s="13">
        <v>2318</v>
      </c>
      <c r="J16" s="19">
        <v>1166</v>
      </c>
      <c r="K16" s="19">
        <v>1152</v>
      </c>
    </row>
    <row r="17" spans="1:11" ht="20.100000000000001" customHeight="1">
      <c r="A17" s="20" t="s">
        <v>31</v>
      </c>
      <c r="B17" s="20"/>
      <c r="C17" s="13">
        <v>9508</v>
      </c>
      <c r="D17" s="14">
        <v>4915</v>
      </c>
      <c r="E17" s="14">
        <v>4593</v>
      </c>
      <c r="F17" s="14"/>
      <c r="G17" s="18" t="s">
        <v>32</v>
      </c>
      <c r="H17" s="17"/>
      <c r="I17" s="13">
        <v>10364</v>
      </c>
      <c r="J17" s="14">
        <v>5120</v>
      </c>
      <c r="K17" s="14">
        <v>5244</v>
      </c>
    </row>
    <row r="18" spans="1:11" ht="15" customHeight="1">
      <c r="A18" s="17" t="s">
        <v>33</v>
      </c>
      <c r="B18" s="17"/>
      <c r="C18" s="13">
        <v>1972</v>
      </c>
      <c r="D18" s="19">
        <v>1027</v>
      </c>
      <c r="E18" s="19">
        <v>945</v>
      </c>
      <c r="F18" s="19"/>
      <c r="G18" s="18" t="s">
        <v>34</v>
      </c>
      <c r="H18" s="17"/>
      <c r="I18" s="13">
        <v>2252</v>
      </c>
      <c r="J18" s="19">
        <v>1110</v>
      </c>
      <c r="K18" s="19">
        <v>1142</v>
      </c>
    </row>
    <row r="19" spans="1:11" ht="15" customHeight="1">
      <c r="A19" s="17" t="s">
        <v>35</v>
      </c>
      <c r="B19" s="17"/>
      <c r="C19" s="13">
        <v>1923</v>
      </c>
      <c r="D19" s="19">
        <v>1019</v>
      </c>
      <c r="E19" s="19">
        <v>904</v>
      </c>
      <c r="F19" s="19"/>
      <c r="G19" s="18" t="s">
        <v>36</v>
      </c>
      <c r="H19" s="17"/>
      <c r="I19" s="13">
        <v>2017</v>
      </c>
      <c r="J19" s="19">
        <v>981</v>
      </c>
      <c r="K19" s="19">
        <v>1036</v>
      </c>
    </row>
    <row r="20" spans="1:11" ht="15" customHeight="1">
      <c r="A20" s="17" t="s">
        <v>37</v>
      </c>
      <c r="B20" s="17"/>
      <c r="C20" s="13">
        <v>1851</v>
      </c>
      <c r="D20" s="19">
        <v>957</v>
      </c>
      <c r="E20" s="19">
        <v>894</v>
      </c>
      <c r="F20" s="19"/>
      <c r="G20" s="18" t="s">
        <v>38</v>
      </c>
      <c r="H20" s="17"/>
      <c r="I20" s="13">
        <v>2042</v>
      </c>
      <c r="J20" s="19">
        <v>1019</v>
      </c>
      <c r="K20" s="19">
        <v>1023</v>
      </c>
    </row>
    <row r="21" spans="1:11" ht="15" customHeight="1">
      <c r="A21" s="17" t="s">
        <v>39</v>
      </c>
      <c r="B21" s="17"/>
      <c r="C21" s="13">
        <v>1884</v>
      </c>
      <c r="D21" s="19">
        <v>946</v>
      </c>
      <c r="E21" s="19">
        <v>938</v>
      </c>
      <c r="F21" s="19"/>
      <c r="G21" s="18" t="s">
        <v>40</v>
      </c>
      <c r="H21" s="17"/>
      <c r="I21" s="13">
        <v>1992</v>
      </c>
      <c r="J21" s="19">
        <v>999</v>
      </c>
      <c r="K21" s="19">
        <v>993</v>
      </c>
    </row>
    <row r="22" spans="1:11" ht="15" customHeight="1">
      <c r="A22" s="17" t="s">
        <v>41</v>
      </c>
      <c r="B22" s="17"/>
      <c r="C22" s="13">
        <v>1878</v>
      </c>
      <c r="D22" s="19">
        <v>966</v>
      </c>
      <c r="E22" s="19">
        <v>912</v>
      </c>
      <c r="F22" s="19"/>
      <c r="G22" s="18" t="s">
        <v>42</v>
      </c>
      <c r="H22" s="17"/>
      <c r="I22" s="13">
        <v>2061</v>
      </c>
      <c r="J22" s="19">
        <v>1011</v>
      </c>
      <c r="K22" s="19">
        <v>1050</v>
      </c>
    </row>
    <row r="23" spans="1:11" ht="20.100000000000001" customHeight="1">
      <c r="A23" s="17" t="s">
        <v>43</v>
      </c>
      <c r="B23" s="17"/>
      <c r="C23" s="13">
        <v>10050</v>
      </c>
      <c r="D23" s="14">
        <v>5102</v>
      </c>
      <c r="E23" s="14">
        <v>4948</v>
      </c>
      <c r="F23" s="14"/>
      <c r="G23" s="18" t="s">
        <v>44</v>
      </c>
      <c r="H23" s="17"/>
      <c r="I23" s="13">
        <v>11768</v>
      </c>
      <c r="J23" s="14">
        <v>5592</v>
      </c>
      <c r="K23" s="14">
        <v>6176</v>
      </c>
    </row>
    <row r="24" spans="1:11" ht="15" customHeight="1">
      <c r="A24" s="17" t="s">
        <v>45</v>
      </c>
      <c r="B24" s="17"/>
      <c r="C24" s="13">
        <v>1866</v>
      </c>
      <c r="D24" s="19">
        <v>921</v>
      </c>
      <c r="E24" s="19">
        <v>945</v>
      </c>
      <c r="F24" s="19"/>
      <c r="G24" s="18" t="s">
        <v>46</v>
      </c>
      <c r="H24" s="17"/>
      <c r="I24" s="13">
        <v>2075</v>
      </c>
      <c r="J24" s="19">
        <v>981</v>
      </c>
      <c r="K24" s="19">
        <v>1094</v>
      </c>
    </row>
    <row r="25" spans="1:11" ht="15" customHeight="1">
      <c r="A25" s="17" t="s">
        <v>47</v>
      </c>
      <c r="B25" s="17"/>
      <c r="C25" s="13">
        <v>1951</v>
      </c>
      <c r="D25" s="19">
        <v>994</v>
      </c>
      <c r="E25" s="19">
        <v>957</v>
      </c>
      <c r="F25" s="19"/>
      <c r="G25" s="18" t="s">
        <v>48</v>
      </c>
      <c r="H25" s="17"/>
      <c r="I25" s="13">
        <v>2165</v>
      </c>
      <c r="J25" s="19">
        <v>1043</v>
      </c>
      <c r="K25" s="19">
        <v>1122</v>
      </c>
    </row>
    <row r="26" spans="1:11" ht="15" customHeight="1">
      <c r="A26" s="17" t="s">
        <v>49</v>
      </c>
      <c r="B26" s="17"/>
      <c r="C26" s="13">
        <v>1926</v>
      </c>
      <c r="D26" s="19">
        <v>958</v>
      </c>
      <c r="E26" s="19">
        <v>968</v>
      </c>
      <c r="F26" s="19"/>
      <c r="G26" s="18" t="s">
        <v>50</v>
      </c>
      <c r="H26" s="17"/>
      <c r="I26" s="13">
        <v>2287</v>
      </c>
      <c r="J26" s="19">
        <v>1099</v>
      </c>
      <c r="K26" s="19">
        <v>1188</v>
      </c>
    </row>
    <row r="27" spans="1:11" ht="15" customHeight="1">
      <c r="A27" s="17" t="s">
        <v>51</v>
      </c>
      <c r="B27" s="17"/>
      <c r="C27" s="13">
        <v>2132</v>
      </c>
      <c r="D27" s="19">
        <v>1112</v>
      </c>
      <c r="E27" s="19">
        <v>1020</v>
      </c>
      <c r="F27" s="19"/>
      <c r="G27" s="18" t="s">
        <v>52</v>
      </c>
      <c r="H27" s="17"/>
      <c r="I27" s="13">
        <v>2454</v>
      </c>
      <c r="J27" s="19">
        <v>1190</v>
      </c>
      <c r="K27" s="19">
        <v>1264</v>
      </c>
    </row>
    <row r="28" spans="1:11" ht="15" customHeight="1">
      <c r="A28" s="17" t="s">
        <v>53</v>
      </c>
      <c r="B28" s="17"/>
      <c r="C28" s="13">
        <v>2175</v>
      </c>
      <c r="D28" s="19">
        <v>1117</v>
      </c>
      <c r="E28" s="19">
        <v>1058</v>
      </c>
      <c r="F28" s="19"/>
      <c r="G28" s="18" t="s">
        <v>54</v>
      </c>
      <c r="H28" s="17"/>
      <c r="I28" s="13">
        <v>2787</v>
      </c>
      <c r="J28" s="19">
        <v>1279</v>
      </c>
      <c r="K28" s="19">
        <v>1508</v>
      </c>
    </row>
    <row r="29" spans="1:11" ht="20.100000000000001" customHeight="1">
      <c r="A29" s="17" t="s">
        <v>55</v>
      </c>
      <c r="B29" s="17"/>
      <c r="C29" s="13">
        <v>12390</v>
      </c>
      <c r="D29" s="14">
        <v>6213</v>
      </c>
      <c r="E29" s="14">
        <v>6177</v>
      </c>
      <c r="F29" s="14"/>
      <c r="G29" s="18" t="s">
        <v>56</v>
      </c>
      <c r="H29" s="17"/>
      <c r="I29" s="13">
        <v>11028</v>
      </c>
      <c r="J29" s="14">
        <v>5088</v>
      </c>
      <c r="K29" s="14">
        <v>5940</v>
      </c>
    </row>
    <row r="30" spans="1:11" ht="15" customHeight="1">
      <c r="A30" s="17" t="s">
        <v>57</v>
      </c>
      <c r="B30" s="17"/>
      <c r="C30" s="13">
        <v>2292</v>
      </c>
      <c r="D30" s="19">
        <v>1162</v>
      </c>
      <c r="E30" s="19">
        <v>1130</v>
      </c>
      <c r="F30" s="19"/>
      <c r="G30" s="18" t="s">
        <v>58</v>
      </c>
      <c r="H30" s="17"/>
      <c r="I30" s="13">
        <v>2780</v>
      </c>
      <c r="J30" s="19">
        <v>1302</v>
      </c>
      <c r="K30" s="19">
        <v>1478</v>
      </c>
    </row>
    <row r="31" spans="1:11" ht="15" customHeight="1">
      <c r="A31" s="17" t="s">
        <v>59</v>
      </c>
      <c r="B31" s="17"/>
      <c r="C31" s="13">
        <v>2391</v>
      </c>
      <c r="D31" s="19">
        <v>1250</v>
      </c>
      <c r="E31" s="19">
        <v>1141</v>
      </c>
      <c r="F31" s="19"/>
      <c r="G31" s="18" t="s">
        <v>60</v>
      </c>
      <c r="H31" s="17"/>
      <c r="I31" s="13">
        <v>2656</v>
      </c>
      <c r="J31" s="19">
        <v>1245</v>
      </c>
      <c r="K31" s="19">
        <v>1411</v>
      </c>
    </row>
    <row r="32" spans="1:11" ht="15" customHeight="1">
      <c r="A32" s="17" t="s">
        <v>61</v>
      </c>
      <c r="B32" s="17"/>
      <c r="C32" s="13">
        <v>2590</v>
      </c>
      <c r="D32" s="19">
        <v>1290</v>
      </c>
      <c r="E32" s="19">
        <v>1300</v>
      </c>
      <c r="F32" s="19"/>
      <c r="G32" s="18" t="s">
        <v>62</v>
      </c>
      <c r="H32" s="17"/>
      <c r="I32" s="13">
        <v>1853</v>
      </c>
      <c r="J32" s="19">
        <v>857</v>
      </c>
      <c r="K32" s="19">
        <v>996</v>
      </c>
    </row>
    <row r="33" spans="1:11" ht="15" customHeight="1">
      <c r="A33" s="17" t="s">
        <v>63</v>
      </c>
      <c r="B33" s="17"/>
      <c r="C33" s="13">
        <v>2545</v>
      </c>
      <c r="D33" s="19">
        <v>1248</v>
      </c>
      <c r="E33" s="19">
        <v>1297</v>
      </c>
      <c r="F33" s="19"/>
      <c r="G33" s="18" t="s">
        <v>64</v>
      </c>
      <c r="H33" s="17"/>
      <c r="I33" s="13">
        <v>1688</v>
      </c>
      <c r="J33" s="19">
        <v>747</v>
      </c>
      <c r="K33" s="19">
        <v>941</v>
      </c>
    </row>
    <row r="34" spans="1:11" ht="15" customHeight="1">
      <c r="A34" s="17" t="s">
        <v>65</v>
      </c>
      <c r="B34" s="17"/>
      <c r="C34" s="13">
        <v>2572</v>
      </c>
      <c r="D34" s="19">
        <v>1263</v>
      </c>
      <c r="E34" s="19">
        <v>1309</v>
      </c>
      <c r="F34" s="19"/>
      <c r="G34" s="18" t="s">
        <v>66</v>
      </c>
      <c r="H34" s="17"/>
      <c r="I34" s="13">
        <v>2051</v>
      </c>
      <c r="J34" s="19">
        <v>937</v>
      </c>
      <c r="K34" s="19">
        <v>1114</v>
      </c>
    </row>
    <row r="35" spans="1:11" ht="20.100000000000001" customHeight="1">
      <c r="A35" s="17" t="s">
        <v>67</v>
      </c>
      <c r="B35" s="17"/>
      <c r="C35" s="13">
        <v>11088</v>
      </c>
      <c r="D35" s="14">
        <v>5462</v>
      </c>
      <c r="E35" s="14">
        <v>5626</v>
      </c>
      <c r="F35" s="14"/>
      <c r="G35" s="18" t="s">
        <v>68</v>
      </c>
      <c r="H35" s="17"/>
      <c r="I35" s="13">
        <v>9596</v>
      </c>
      <c r="J35" s="14">
        <v>4256</v>
      </c>
      <c r="K35" s="14">
        <v>5340</v>
      </c>
    </row>
    <row r="36" spans="1:11" ht="15" customHeight="1">
      <c r="A36" s="17" t="s">
        <v>69</v>
      </c>
      <c r="B36" s="17"/>
      <c r="C36" s="13">
        <v>2425</v>
      </c>
      <c r="D36" s="19">
        <v>1204</v>
      </c>
      <c r="E36" s="19">
        <v>1221</v>
      </c>
      <c r="F36" s="19"/>
      <c r="G36" s="18" t="s">
        <v>70</v>
      </c>
      <c r="H36" s="17"/>
      <c r="I36" s="13">
        <v>2215</v>
      </c>
      <c r="J36" s="19">
        <v>977</v>
      </c>
      <c r="K36" s="19">
        <v>1238</v>
      </c>
    </row>
    <row r="37" spans="1:11" ht="15" customHeight="1">
      <c r="A37" s="17" t="s">
        <v>71</v>
      </c>
      <c r="B37" s="17"/>
      <c r="C37" s="13">
        <v>2224</v>
      </c>
      <c r="D37" s="19">
        <v>1100</v>
      </c>
      <c r="E37" s="19">
        <v>1124</v>
      </c>
      <c r="F37" s="19"/>
      <c r="G37" s="18" t="s">
        <v>72</v>
      </c>
      <c r="H37" s="17"/>
      <c r="I37" s="13">
        <v>2086</v>
      </c>
      <c r="J37" s="19">
        <v>937</v>
      </c>
      <c r="K37" s="19">
        <v>1149</v>
      </c>
    </row>
    <row r="38" spans="1:11" ht="15" customHeight="1">
      <c r="A38" s="17" t="s">
        <v>73</v>
      </c>
      <c r="B38" s="17"/>
      <c r="C38" s="13">
        <v>2185</v>
      </c>
      <c r="D38" s="19">
        <v>1053</v>
      </c>
      <c r="E38" s="19">
        <v>1132</v>
      </c>
      <c r="F38" s="19"/>
      <c r="G38" s="18" t="s">
        <v>74</v>
      </c>
      <c r="H38" s="17"/>
      <c r="I38" s="13">
        <v>1988</v>
      </c>
      <c r="J38" s="19">
        <v>875</v>
      </c>
      <c r="K38" s="19">
        <v>1113</v>
      </c>
    </row>
    <row r="39" spans="1:11" ht="15" customHeight="1">
      <c r="A39" s="17" t="s">
        <v>75</v>
      </c>
      <c r="B39" s="17"/>
      <c r="C39" s="13">
        <v>2070</v>
      </c>
      <c r="D39" s="19">
        <v>1018</v>
      </c>
      <c r="E39" s="19">
        <v>1052</v>
      </c>
      <c r="F39" s="19"/>
      <c r="G39" s="18" t="s">
        <v>76</v>
      </c>
      <c r="H39" s="17"/>
      <c r="I39" s="13">
        <v>1811</v>
      </c>
      <c r="J39" s="19">
        <v>812</v>
      </c>
      <c r="K39" s="19">
        <v>999</v>
      </c>
    </row>
    <row r="40" spans="1:11" ht="15" customHeight="1">
      <c r="A40" s="17" t="s">
        <v>77</v>
      </c>
      <c r="B40" s="17"/>
      <c r="C40" s="13">
        <v>2184</v>
      </c>
      <c r="D40" s="19">
        <v>1087</v>
      </c>
      <c r="E40" s="19">
        <v>1097</v>
      </c>
      <c r="F40" s="19"/>
      <c r="G40" s="18" t="s">
        <v>78</v>
      </c>
      <c r="H40" s="17"/>
      <c r="I40" s="13">
        <v>1496</v>
      </c>
      <c r="J40" s="19">
        <v>655</v>
      </c>
      <c r="K40" s="19">
        <v>841</v>
      </c>
    </row>
    <row r="41" spans="1:11" ht="20.100000000000001" customHeight="1">
      <c r="A41" s="17" t="s">
        <v>79</v>
      </c>
      <c r="B41" s="17"/>
      <c r="C41" s="13">
        <v>11851</v>
      </c>
      <c r="D41" s="14">
        <v>5750</v>
      </c>
      <c r="E41" s="14">
        <v>6101</v>
      </c>
      <c r="F41" s="14"/>
      <c r="G41" s="18" t="s">
        <v>80</v>
      </c>
      <c r="H41" s="17"/>
      <c r="I41" s="13">
        <v>6673</v>
      </c>
      <c r="J41" s="14">
        <v>2894</v>
      </c>
      <c r="K41" s="14">
        <v>3779</v>
      </c>
    </row>
    <row r="42" spans="1:11" ht="15" customHeight="1">
      <c r="A42" s="17" t="s">
        <v>81</v>
      </c>
      <c r="B42" s="17"/>
      <c r="C42" s="13">
        <v>2247</v>
      </c>
      <c r="D42" s="19">
        <v>1088</v>
      </c>
      <c r="E42" s="19">
        <v>1159</v>
      </c>
      <c r="F42" s="19"/>
      <c r="G42" s="18" t="s">
        <v>82</v>
      </c>
      <c r="H42" s="17"/>
      <c r="I42" s="13">
        <v>1471</v>
      </c>
      <c r="J42" s="19">
        <v>632</v>
      </c>
      <c r="K42" s="19">
        <v>839</v>
      </c>
    </row>
    <row r="43" spans="1:11" ht="15" customHeight="1">
      <c r="A43" s="17" t="s">
        <v>83</v>
      </c>
      <c r="B43" s="17"/>
      <c r="C43" s="13">
        <v>2218</v>
      </c>
      <c r="D43" s="19">
        <v>1084</v>
      </c>
      <c r="E43" s="19">
        <v>1134</v>
      </c>
      <c r="F43" s="19"/>
      <c r="G43" s="18" t="s">
        <v>84</v>
      </c>
      <c r="H43" s="17"/>
      <c r="I43" s="13">
        <v>1524</v>
      </c>
      <c r="J43" s="19">
        <v>677</v>
      </c>
      <c r="K43" s="19">
        <v>847</v>
      </c>
    </row>
    <row r="44" spans="1:11" ht="15" customHeight="1">
      <c r="A44" s="17" t="s">
        <v>85</v>
      </c>
      <c r="B44" s="17"/>
      <c r="C44" s="13">
        <v>2271</v>
      </c>
      <c r="D44" s="19">
        <v>1099</v>
      </c>
      <c r="E44" s="19">
        <v>1172</v>
      </c>
      <c r="F44" s="19"/>
      <c r="G44" s="18" t="s">
        <v>86</v>
      </c>
      <c r="H44" s="17"/>
      <c r="I44" s="13">
        <v>1357</v>
      </c>
      <c r="J44" s="19">
        <v>626</v>
      </c>
      <c r="K44" s="19">
        <v>731</v>
      </c>
    </row>
    <row r="45" spans="1:11" ht="15" customHeight="1">
      <c r="A45" s="17" t="s">
        <v>87</v>
      </c>
      <c r="B45" s="17"/>
      <c r="C45" s="13">
        <v>2539</v>
      </c>
      <c r="D45" s="19">
        <v>1235</v>
      </c>
      <c r="E45" s="19">
        <v>1304</v>
      </c>
      <c r="F45" s="19"/>
      <c r="G45" s="18" t="s">
        <v>88</v>
      </c>
      <c r="H45" s="17"/>
      <c r="I45" s="13">
        <v>1287</v>
      </c>
      <c r="J45" s="19">
        <v>546</v>
      </c>
      <c r="K45" s="19">
        <v>741</v>
      </c>
    </row>
    <row r="46" spans="1:11" ht="15" customHeight="1">
      <c r="A46" s="17" t="s">
        <v>89</v>
      </c>
      <c r="B46" s="17"/>
      <c r="C46" s="13">
        <v>2576</v>
      </c>
      <c r="D46" s="19">
        <v>1244</v>
      </c>
      <c r="E46" s="19">
        <v>1332</v>
      </c>
      <c r="F46" s="19"/>
      <c r="G46" s="18" t="s">
        <v>90</v>
      </c>
      <c r="H46" s="17"/>
      <c r="I46" s="13">
        <v>1034</v>
      </c>
      <c r="J46" s="19">
        <v>413</v>
      </c>
      <c r="K46" s="19">
        <v>621</v>
      </c>
    </row>
    <row r="47" spans="1:11" ht="20.100000000000001" customHeight="1">
      <c r="A47" s="17" t="s">
        <v>91</v>
      </c>
      <c r="B47" s="17"/>
      <c r="C47" s="13">
        <v>14231</v>
      </c>
      <c r="D47" s="14">
        <v>6972</v>
      </c>
      <c r="E47" s="14">
        <v>7259</v>
      </c>
      <c r="F47" s="14"/>
      <c r="G47" s="18" t="s">
        <v>92</v>
      </c>
      <c r="H47" s="17"/>
      <c r="I47" s="13">
        <v>3913</v>
      </c>
      <c r="J47" s="14">
        <v>1475</v>
      </c>
      <c r="K47" s="14">
        <v>2438</v>
      </c>
    </row>
    <row r="48" spans="1:11" ht="15" customHeight="1">
      <c r="A48" s="17" t="s">
        <v>93</v>
      </c>
      <c r="B48" s="17"/>
      <c r="C48" s="13">
        <v>2834</v>
      </c>
      <c r="D48" s="19">
        <v>1359</v>
      </c>
      <c r="E48" s="19">
        <v>1475</v>
      </c>
      <c r="F48" s="19"/>
      <c r="G48" s="18" t="s">
        <v>94</v>
      </c>
      <c r="H48" s="17"/>
      <c r="I48" s="13">
        <v>1024</v>
      </c>
      <c r="J48" s="19">
        <v>426</v>
      </c>
      <c r="K48" s="19">
        <v>598</v>
      </c>
    </row>
    <row r="49" spans="1:11" ht="15" customHeight="1">
      <c r="A49" s="17" t="s">
        <v>95</v>
      </c>
      <c r="B49" s="17"/>
      <c r="C49" s="13">
        <v>2680</v>
      </c>
      <c r="D49" s="19">
        <v>1322</v>
      </c>
      <c r="E49" s="19">
        <v>1358</v>
      </c>
      <c r="F49" s="19"/>
      <c r="G49" s="18" t="s">
        <v>96</v>
      </c>
      <c r="H49" s="17"/>
      <c r="I49" s="13">
        <v>944</v>
      </c>
      <c r="J49" s="19">
        <v>365</v>
      </c>
      <c r="K49" s="19">
        <v>579</v>
      </c>
    </row>
    <row r="50" spans="1:11" ht="15" customHeight="1">
      <c r="A50" s="17" t="s">
        <v>97</v>
      </c>
      <c r="B50" s="17"/>
      <c r="C50" s="13">
        <v>2760</v>
      </c>
      <c r="D50" s="19">
        <v>1386</v>
      </c>
      <c r="E50" s="19">
        <v>1374</v>
      </c>
      <c r="F50" s="19"/>
      <c r="G50" s="18" t="s">
        <v>98</v>
      </c>
      <c r="H50" s="17"/>
      <c r="I50" s="13">
        <v>762</v>
      </c>
      <c r="J50" s="19">
        <v>288</v>
      </c>
      <c r="K50" s="19">
        <v>474</v>
      </c>
    </row>
    <row r="51" spans="1:11" ht="15" customHeight="1">
      <c r="A51" s="17" t="s">
        <v>99</v>
      </c>
      <c r="B51" s="17"/>
      <c r="C51" s="13">
        <v>2914</v>
      </c>
      <c r="D51" s="19">
        <v>1449</v>
      </c>
      <c r="E51" s="19">
        <v>1465</v>
      </c>
      <c r="F51" s="19"/>
      <c r="G51" s="18" t="s">
        <v>100</v>
      </c>
      <c r="H51" s="17"/>
      <c r="I51" s="13">
        <v>646</v>
      </c>
      <c r="J51" s="19">
        <v>228</v>
      </c>
      <c r="K51" s="19">
        <v>418</v>
      </c>
    </row>
    <row r="52" spans="1:11" ht="15" customHeight="1">
      <c r="A52" s="17" t="s">
        <v>101</v>
      </c>
      <c r="B52" s="17"/>
      <c r="C52" s="13">
        <v>3043</v>
      </c>
      <c r="D52" s="19">
        <v>1456</v>
      </c>
      <c r="E52" s="19">
        <v>1587</v>
      </c>
      <c r="F52" s="19"/>
      <c r="G52" s="18" t="s">
        <v>102</v>
      </c>
      <c r="H52" s="17"/>
      <c r="I52" s="13">
        <v>537</v>
      </c>
      <c r="J52" s="19">
        <v>168</v>
      </c>
      <c r="K52" s="19">
        <v>369</v>
      </c>
    </row>
    <row r="53" spans="1:11" ht="20.100000000000001" customHeight="1">
      <c r="A53" s="17" t="s">
        <v>103</v>
      </c>
      <c r="B53" s="17"/>
      <c r="C53" s="13">
        <v>16812</v>
      </c>
      <c r="D53" s="14">
        <v>8375</v>
      </c>
      <c r="E53" s="14">
        <v>8437</v>
      </c>
      <c r="F53" s="14"/>
      <c r="G53" s="18" t="s">
        <v>104</v>
      </c>
      <c r="H53" s="17"/>
      <c r="I53" s="13">
        <v>1692</v>
      </c>
      <c r="J53" s="14">
        <v>488</v>
      </c>
      <c r="K53" s="14">
        <v>1204</v>
      </c>
    </row>
    <row r="54" spans="1:11" ht="15" customHeight="1">
      <c r="A54" s="17" t="s">
        <v>105</v>
      </c>
      <c r="B54" s="17"/>
      <c r="C54" s="13">
        <v>3196</v>
      </c>
      <c r="D54" s="19">
        <v>1628</v>
      </c>
      <c r="E54" s="19">
        <v>1568</v>
      </c>
      <c r="F54" s="19"/>
      <c r="G54" s="18" t="s">
        <v>106</v>
      </c>
      <c r="H54" s="17"/>
      <c r="I54" s="13">
        <v>482</v>
      </c>
      <c r="J54" s="19">
        <v>135</v>
      </c>
      <c r="K54" s="19">
        <v>347</v>
      </c>
    </row>
    <row r="55" spans="1:11" ht="15" customHeight="1">
      <c r="A55" s="17" t="s">
        <v>107</v>
      </c>
      <c r="B55" s="17"/>
      <c r="C55" s="13">
        <v>3173</v>
      </c>
      <c r="D55" s="19">
        <v>1538</v>
      </c>
      <c r="E55" s="19">
        <v>1635</v>
      </c>
      <c r="F55" s="19"/>
      <c r="G55" s="18" t="s">
        <v>108</v>
      </c>
      <c r="H55" s="17"/>
      <c r="I55" s="13">
        <v>371</v>
      </c>
      <c r="J55" s="19">
        <v>115</v>
      </c>
      <c r="K55" s="19">
        <v>256</v>
      </c>
    </row>
    <row r="56" spans="1:11" ht="15" customHeight="1">
      <c r="A56" s="17" t="s">
        <v>109</v>
      </c>
      <c r="B56" s="17"/>
      <c r="C56" s="13">
        <v>3377</v>
      </c>
      <c r="D56" s="19">
        <v>1667</v>
      </c>
      <c r="E56" s="19">
        <v>1710</v>
      </c>
      <c r="F56" s="19"/>
      <c r="G56" s="18" t="s">
        <v>110</v>
      </c>
      <c r="H56" s="17"/>
      <c r="I56" s="13">
        <v>339</v>
      </c>
      <c r="J56" s="19">
        <v>107</v>
      </c>
      <c r="K56" s="19">
        <v>232</v>
      </c>
    </row>
    <row r="57" spans="1:11" ht="15" customHeight="1">
      <c r="A57" s="17" t="s">
        <v>111</v>
      </c>
      <c r="B57" s="17"/>
      <c r="C57" s="13">
        <v>3355</v>
      </c>
      <c r="D57" s="19">
        <v>1684</v>
      </c>
      <c r="E57" s="19">
        <v>1671</v>
      </c>
      <c r="F57" s="19"/>
      <c r="G57" s="18" t="s">
        <v>112</v>
      </c>
      <c r="H57" s="17"/>
      <c r="I57" s="13">
        <v>308</v>
      </c>
      <c r="J57" s="19">
        <v>81</v>
      </c>
      <c r="K57" s="19">
        <v>227</v>
      </c>
    </row>
    <row r="58" spans="1:11" ht="15" customHeight="1">
      <c r="A58" s="17" t="s">
        <v>113</v>
      </c>
      <c r="B58" s="17"/>
      <c r="C58" s="13">
        <v>3711</v>
      </c>
      <c r="D58" s="19">
        <v>1858</v>
      </c>
      <c r="E58" s="19">
        <v>1853</v>
      </c>
      <c r="F58" s="19"/>
      <c r="G58" s="18" t="s">
        <v>114</v>
      </c>
      <c r="H58" s="17"/>
      <c r="I58" s="13">
        <v>192</v>
      </c>
      <c r="J58" s="19">
        <v>50</v>
      </c>
      <c r="K58" s="19">
        <v>142</v>
      </c>
    </row>
    <row r="59" spans="1:11" ht="20.100000000000001" customHeight="1">
      <c r="A59" s="17" t="s">
        <v>115</v>
      </c>
      <c r="B59" s="17"/>
      <c r="C59" s="13">
        <v>18657</v>
      </c>
      <c r="D59" s="14">
        <v>9136</v>
      </c>
      <c r="E59" s="14">
        <v>9521</v>
      </c>
      <c r="F59" s="14"/>
      <c r="G59" s="18" t="s">
        <v>116</v>
      </c>
      <c r="H59" s="17"/>
      <c r="I59" s="13">
        <v>508</v>
      </c>
      <c r="J59" s="14">
        <v>101</v>
      </c>
      <c r="K59" s="14">
        <v>407</v>
      </c>
    </row>
    <row r="60" spans="1:11" ht="15" customHeight="1">
      <c r="A60" s="17" t="s">
        <v>117</v>
      </c>
      <c r="B60" s="17"/>
      <c r="C60" s="13">
        <v>3717</v>
      </c>
      <c r="D60" s="19">
        <v>1848</v>
      </c>
      <c r="E60" s="19">
        <v>1869</v>
      </c>
      <c r="F60" s="19"/>
      <c r="G60" s="18" t="s">
        <v>118</v>
      </c>
      <c r="H60" s="17"/>
      <c r="I60" s="13">
        <v>150</v>
      </c>
      <c r="J60" s="19">
        <v>36</v>
      </c>
      <c r="K60" s="19">
        <v>114</v>
      </c>
    </row>
    <row r="61" spans="1:11" ht="15" customHeight="1">
      <c r="A61" s="17" t="s">
        <v>119</v>
      </c>
      <c r="B61" s="17"/>
      <c r="C61" s="13">
        <v>3665</v>
      </c>
      <c r="D61" s="19">
        <v>1810</v>
      </c>
      <c r="E61" s="19">
        <v>1855</v>
      </c>
      <c r="F61" s="19"/>
      <c r="G61" s="18" t="s">
        <v>120</v>
      </c>
      <c r="H61" s="17"/>
      <c r="I61" s="13">
        <v>146</v>
      </c>
      <c r="J61" s="19">
        <v>25</v>
      </c>
      <c r="K61" s="19">
        <v>121</v>
      </c>
    </row>
    <row r="62" spans="1:11" ht="15" customHeight="1">
      <c r="A62" s="17" t="s">
        <v>121</v>
      </c>
      <c r="B62" s="17"/>
      <c r="C62" s="13">
        <v>3790</v>
      </c>
      <c r="D62" s="19">
        <v>1761</v>
      </c>
      <c r="E62" s="19">
        <v>2029</v>
      </c>
      <c r="F62" s="19"/>
      <c r="G62" s="18" t="s">
        <v>122</v>
      </c>
      <c r="H62" s="17"/>
      <c r="I62" s="13">
        <v>89</v>
      </c>
      <c r="J62" s="19">
        <v>20</v>
      </c>
      <c r="K62" s="19">
        <v>69</v>
      </c>
    </row>
    <row r="63" spans="1:11" ht="15" customHeight="1">
      <c r="A63" s="17" t="s">
        <v>123</v>
      </c>
      <c r="B63" s="17"/>
      <c r="C63" s="13">
        <v>3746</v>
      </c>
      <c r="D63" s="19">
        <v>1843</v>
      </c>
      <c r="E63" s="19">
        <v>1903</v>
      </c>
      <c r="F63" s="19"/>
      <c r="G63" s="18" t="s">
        <v>124</v>
      </c>
      <c r="H63" s="17"/>
      <c r="I63" s="13">
        <v>78</v>
      </c>
      <c r="J63" s="19">
        <v>14</v>
      </c>
      <c r="K63" s="19">
        <v>64</v>
      </c>
    </row>
    <row r="64" spans="1:11" ht="15" customHeight="1">
      <c r="A64" s="17" t="s">
        <v>125</v>
      </c>
      <c r="B64" s="17"/>
      <c r="C64" s="13">
        <v>3739</v>
      </c>
      <c r="D64" s="19">
        <v>1874</v>
      </c>
      <c r="E64" s="19">
        <v>1865</v>
      </c>
      <c r="F64" s="19"/>
      <c r="G64" s="18" t="s">
        <v>126</v>
      </c>
      <c r="H64" s="17"/>
      <c r="I64" s="13">
        <v>45</v>
      </c>
      <c r="J64" s="19">
        <v>6</v>
      </c>
      <c r="K64" s="19">
        <v>3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04</v>
      </c>
      <c r="J65" s="19">
        <v>19</v>
      </c>
      <c r="K65" s="19">
        <v>8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1176</v>
      </c>
      <c r="J66" s="29">
        <v>10749</v>
      </c>
      <c r="K66" s="29">
        <v>10427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7" pageOrder="overThenDown" orientation="portrait" blackAndWhite="1" useFirstPageNumber="1" horizontalDpi="300" verticalDpi="300"/>
  <headerFooter scaleWithDoc="0"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8883</v>
      </c>
      <c r="D4" s="14">
        <v>86707</v>
      </c>
      <c r="E4" s="14">
        <v>9217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214</v>
      </c>
      <c r="D5" s="14">
        <v>3651</v>
      </c>
      <c r="E5" s="14">
        <v>3563</v>
      </c>
      <c r="F5" s="14"/>
      <c r="G5" s="18" t="s">
        <v>8</v>
      </c>
      <c r="H5" s="17"/>
      <c r="I5" s="13">
        <v>14078</v>
      </c>
      <c r="J5" s="14">
        <v>7167</v>
      </c>
      <c r="K5" s="14">
        <v>6911</v>
      </c>
    </row>
    <row r="6" spans="1:11" ht="15" customHeight="1">
      <c r="A6" s="17" t="s">
        <v>9</v>
      </c>
      <c r="B6" s="17"/>
      <c r="C6" s="13">
        <v>1370</v>
      </c>
      <c r="D6" s="19">
        <v>667</v>
      </c>
      <c r="E6" s="19">
        <v>703</v>
      </c>
      <c r="F6" s="19"/>
      <c r="G6" s="18" t="s">
        <v>10</v>
      </c>
      <c r="H6" s="17"/>
      <c r="I6" s="13">
        <v>3101</v>
      </c>
      <c r="J6" s="19">
        <v>1591</v>
      </c>
      <c r="K6" s="19">
        <v>1510</v>
      </c>
    </row>
    <row r="7" spans="1:11" ht="15" customHeight="1">
      <c r="A7" s="17" t="s">
        <v>11</v>
      </c>
      <c r="B7" s="17"/>
      <c r="C7" s="13">
        <v>1347</v>
      </c>
      <c r="D7" s="19">
        <v>695</v>
      </c>
      <c r="E7" s="19">
        <v>652</v>
      </c>
      <c r="F7" s="19"/>
      <c r="G7" s="18" t="s">
        <v>12</v>
      </c>
      <c r="H7" s="17"/>
      <c r="I7" s="13">
        <v>3145</v>
      </c>
      <c r="J7" s="19">
        <v>1561</v>
      </c>
      <c r="K7" s="19">
        <v>1584</v>
      </c>
    </row>
    <row r="8" spans="1:11" ht="15" customHeight="1">
      <c r="A8" s="17" t="s">
        <v>13</v>
      </c>
      <c r="B8" s="17"/>
      <c r="C8" s="13">
        <v>1510</v>
      </c>
      <c r="D8" s="19">
        <v>779</v>
      </c>
      <c r="E8" s="19">
        <v>731</v>
      </c>
      <c r="F8" s="19"/>
      <c r="G8" s="18" t="s">
        <v>14</v>
      </c>
      <c r="H8" s="17"/>
      <c r="I8" s="13">
        <v>2286</v>
      </c>
      <c r="J8" s="19">
        <v>1148</v>
      </c>
      <c r="K8" s="19">
        <v>1138</v>
      </c>
    </row>
    <row r="9" spans="1:11" ht="15" customHeight="1">
      <c r="A9" s="17" t="s">
        <v>15</v>
      </c>
      <c r="B9" s="17"/>
      <c r="C9" s="13">
        <v>1446</v>
      </c>
      <c r="D9" s="19">
        <v>731</v>
      </c>
      <c r="E9" s="19">
        <v>715</v>
      </c>
      <c r="F9" s="19"/>
      <c r="G9" s="18" t="s">
        <v>16</v>
      </c>
      <c r="H9" s="17"/>
      <c r="I9" s="13">
        <v>2931</v>
      </c>
      <c r="J9" s="19">
        <v>1537</v>
      </c>
      <c r="K9" s="19">
        <v>1394</v>
      </c>
    </row>
    <row r="10" spans="1:11" ht="15" customHeight="1">
      <c r="A10" s="17" t="s">
        <v>17</v>
      </c>
      <c r="B10" s="17"/>
      <c r="C10" s="13">
        <v>1541</v>
      </c>
      <c r="D10" s="19">
        <v>779</v>
      </c>
      <c r="E10" s="19">
        <v>762</v>
      </c>
      <c r="F10" s="19"/>
      <c r="G10" s="18" t="s">
        <v>18</v>
      </c>
      <c r="H10" s="17"/>
      <c r="I10" s="13">
        <v>2615</v>
      </c>
      <c r="J10" s="19">
        <v>1330</v>
      </c>
      <c r="K10" s="19">
        <v>1285</v>
      </c>
    </row>
    <row r="11" spans="1:11" ht="20.100000000000001" customHeight="1">
      <c r="A11" s="17" t="s">
        <v>19</v>
      </c>
      <c r="B11" s="17"/>
      <c r="C11" s="13">
        <v>8084</v>
      </c>
      <c r="D11" s="14">
        <v>4210</v>
      </c>
      <c r="E11" s="14">
        <v>3874</v>
      </c>
      <c r="F11" s="14"/>
      <c r="G11" s="18" t="s">
        <v>20</v>
      </c>
      <c r="H11" s="17"/>
      <c r="I11" s="13">
        <v>11018</v>
      </c>
      <c r="J11" s="14">
        <v>5541</v>
      </c>
      <c r="K11" s="14">
        <v>5477</v>
      </c>
    </row>
    <row r="12" spans="1:11" ht="15" customHeight="1">
      <c r="A12" s="17" t="s">
        <v>21</v>
      </c>
      <c r="B12" s="17"/>
      <c r="C12" s="13">
        <v>1539</v>
      </c>
      <c r="D12" s="19">
        <v>809</v>
      </c>
      <c r="E12" s="19">
        <v>730</v>
      </c>
      <c r="F12" s="19"/>
      <c r="G12" s="18" t="s">
        <v>22</v>
      </c>
      <c r="H12" s="17"/>
      <c r="I12" s="13">
        <v>2452</v>
      </c>
      <c r="J12" s="19">
        <v>1254</v>
      </c>
      <c r="K12" s="19">
        <v>1198</v>
      </c>
    </row>
    <row r="13" spans="1:11" ht="15" customHeight="1">
      <c r="A13" s="17" t="s">
        <v>23</v>
      </c>
      <c r="B13" s="17"/>
      <c r="C13" s="13">
        <v>1570</v>
      </c>
      <c r="D13" s="19">
        <v>790</v>
      </c>
      <c r="E13" s="19">
        <v>780</v>
      </c>
      <c r="F13" s="19"/>
      <c r="G13" s="18" t="s">
        <v>24</v>
      </c>
      <c r="H13" s="17"/>
      <c r="I13" s="13">
        <v>2291</v>
      </c>
      <c r="J13" s="19">
        <v>1185</v>
      </c>
      <c r="K13" s="19">
        <v>1106</v>
      </c>
    </row>
    <row r="14" spans="1:11" ht="15" customHeight="1">
      <c r="A14" s="17" t="s">
        <v>25</v>
      </c>
      <c r="B14" s="17"/>
      <c r="C14" s="13">
        <v>1655</v>
      </c>
      <c r="D14" s="19">
        <v>890</v>
      </c>
      <c r="E14" s="19">
        <v>765</v>
      </c>
      <c r="F14" s="19"/>
      <c r="G14" s="18" t="s">
        <v>26</v>
      </c>
      <c r="H14" s="17"/>
      <c r="I14" s="13">
        <v>2133</v>
      </c>
      <c r="J14" s="19">
        <v>1034</v>
      </c>
      <c r="K14" s="19">
        <v>1099</v>
      </c>
    </row>
    <row r="15" spans="1:11" ht="15" customHeight="1">
      <c r="A15" s="17" t="s">
        <v>27</v>
      </c>
      <c r="B15" s="17"/>
      <c r="C15" s="13">
        <v>1653</v>
      </c>
      <c r="D15" s="19">
        <v>853</v>
      </c>
      <c r="E15" s="19">
        <v>800</v>
      </c>
      <c r="F15" s="19"/>
      <c r="G15" s="18" t="s">
        <v>28</v>
      </c>
      <c r="H15" s="17"/>
      <c r="I15" s="13">
        <v>2078</v>
      </c>
      <c r="J15" s="19">
        <v>1048</v>
      </c>
      <c r="K15" s="19">
        <v>1030</v>
      </c>
    </row>
    <row r="16" spans="1:11" ht="15" customHeight="1">
      <c r="A16" s="17" t="s">
        <v>29</v>
      </c>
      <c r="B16" s="17"/>
      <c r="C16" s="13">
        <v>1667</v>
      </c>
      <c r="D16" s="19">
        <v>868</v>
      </c>
      <c r="E16" s="19">
        <v>799</v>
      </c>
      <c r="F16" s="19"/>
      <c r="G16" s="18" t="s">
        <v>30</v>
      </c>
      <c r="H16" s="17"/>
      <c r="I16" s="13">
        <v>2064</v>
      </c>
      <c r="J16" s="19">
        <v>1020</v>
      </c>
      <c r="K16" s="19">
        <v>1044</v>
      </c>
    </row>
    <row r="17" spans="1:11" ht="20.100000000000001" customHeight="1">
      <c r="A17" s="20" t="s">
        <v>31</v>
      </c>
      <c r="B17" s="20"/>
      <c r="C17" s="13">
        <v>8042</v>
      </c>
      <c r="D17" s="14">
        <v>4052</v>
      </c>
      <c r="E17" s="14">
        <v>3990</v>
      </c>
      <c r="F17" s="14"/>
      <c r="G17" s="18" t="s">
        <v>32</v>
      </c>
      <c r="H17" s="17"/>
      <c r="I17" s="13">
        <v>9282</v>
      </c>
      <c r="J17" s="14">
        <v>4560</v>
      </c>
      <c r="K17" s="14">
        <v>4722</v>
      </c>
    </row>
    <row r="18" spans="1:11" ht="15" customHeight="1">
      <c r="A18" s="17" t="s">
        <v>33</v>
      </c>
      <c r="B18" s="17"/>
      <c r="C18" s="13">
        <v>1638</v>
      </c>
      <c r="D18" s="19">
        <v>806</v>
      </c>
      <c r="E18" s="19">
        <v>832</v>
      </c>
      <c r="F18" s="19"/>
      <c r="G18" s="18" t="s">
        <v>34</v>
      </c>
      <c r="H18" s="17"/>
      <c r="I18" s="13">
        <v>2019</v>
      </c>
      <c r="J18" s="19">
        <v>1014</v>
      </c>
      <c r="K18" s="19">
        <v>1005</v>
      </c>
    </row>
    <row r="19" spans="1:11" ht="15" customHeight="1">
      <c r="A19" s="17" t="s">
        <v>35</v>
      </c>
      <c r="B19" s="17"/>
      <c r="C19" s="13">
        <v>1614</v>
      </c>
      <c r="D19" s="19">
        <v>829</v>
      </c>
      <c r="E19" s="19">
        <v>785</v>
      </c>
      <c r="F19" s="19"/>
      <c r="G19" s="18" t="s">
        <v>36</v>
      </c>
      <c r="H19" s="17"/>
      <c r="I19" s="13">
        <v>1827</v>
      </c>
      <c r="J19" s="19">
        <v>874</v>
      </c>
      <c r="K19" s="19">
        <v>953</v>
      </c>
    </row>
    <row r="20" spans="1:11" ht="15" customHeight="1">
      <c r="A20" s="17" t="s">
        <v>37</v>
      </c>
      <c r="B20" s="17"/>
      <c r="C20" s="13">
        <v>1652</v>
      </c>
      <c r="D20" s="19">
        <v>813</v>
      </c>
      <c r="E20" s="19">
        <v>839</v>
      </c>
      <c r="F20" s="19"/>
      <c r="G20" s="18" t="s">
        <v>38</v>
      </c>
      <c r="H20" s="17"/>
      <c r="I20" s="13">
        <v>1862</v>
      </c>
      <c r="J20" s="19">
        <v>936</v>
      </c>
      <c r="K20" s="19">
        <v>926</v>
      </c>
    </row>
    <row r="21" spans="1:11" ht="15" customHeight="1">
      <c r="A21" s="17" t="s">
        <v>39</v>
      </c>
      <c r="B21" s="17"/>
      <c r="C21" s="13">
        <v>1524</v>
      </c>
      <c r="D21" s="19">
        <v>783</v>
      </c>
      <c r="E21" s="19">
        <v>741</v>
      </c>
      <c r="F21" s="19"/>
      <c r="G21" s="18" t="s">
        <v>40</v>
      </c>
      <c r="H21" s="17"/>
      <c r="I21" s="13">
        <v>1821</v>
      </c>
      <c r="J21" s="19">
        <v>866</v>
      </c>
      <c r="K21" s="19">
        <v>955</v>
      </c>
    </row>
    <row r="22" spans="1:11" ht="15" customHeight="1">
      <c r="A22" s="17" t="s">
        <v>41</v>
      </c>
      <c r="B22" s="17"/>
      <c r="C22" s="13">
        <v>1614</v>
      </c>
      <c r="D22" s="19">
        <v>821</v>
      </c>
      <c r="E22" s="19">
        <v>793</v>
      </c>
      <c r="F22" s="19"/>
      <c r="G22" s="18" t="s">
        <v>42</v>
      </c>
      <c r="H22" s="17"/>
      <c r="I22" s="13">
        <v>1753</v>
      </c>
      <c r="J22" s="19">
        <v>870</v>
      </c>
      <c r="K22" s="19">
        <v>883</v>
      </c>
    </row>
    <row r="23" spans="1:11" ht="20.100000000000001" customHeight="1">
      <c r="A23" s="17" t="s">
        <v>43</v>
      </c>
      <c r="B23" s="17"/>
      <c r="C23" s="13">
        <v>8519</v>
      </c>
      <c r="D23" s="14">
        <v>4288</v>
      </c>
      <c r="E23" s="14">
        <v>4231</v>
      </c>
      <c r="F23" s="14"/>
      <c r="G23" s="18" t="s">
        <v>44</v>
      </c>
      <c r="H23" s="17"/>
      <c r="I23" s="13">
        <v>10143</v>
      </c>
      <c r="J23" s="14">
        <v>4725</v>
      </c>
      <c r="K23" s="14">
        <v>5418</v>
      </c>
    </row>
    <row r="24" spans="1:11" ht="15" customHeight="1">
      <c r="A24" s="17" t="s">
        <v>45</v>
      </c>
      <c r="B24" s="17"/>
      <c r="C24" s="13">
        <v>1624</v>
      </c>
      <c r="D24" s="19">
        <v>806</v>
      </c>
      <c r="E24" s="19">
        <v>818</v>
      </c>
      <c r="F24" s="19"/>
      <c r="G24" s="18" t="s">
        <v>46</v>
      </c>
      <c r="H24" s="17"/>
      <c r="I24" s="13">
        <v>1779</v>
      </c>
      <c r="J24" s="19">
        <v>843</v>
      </c>
      <c r="K24" s="19">
        <v>936</v>
      </c>
    </row>
    <row r="25" spans="1:11" ht="15" customHeight="1">
      <c r="A25" s="17" t="s">
        <v>47</v>
      </c>
      <c r="B25" s="17"/>
      <c r="C25" s="13">
        <v>1651</v>
      </c>
      <c r="D25" s="19">
        <v>818</v>
      </c>
      <c r="E25" s="19">
        <v>833</v>
      </c>
      <c r="F25" s="19"/>
      <c r="G25" s="18" t="s">
        <v>48</v>
      </c>
      <c r="H25" s="17"/>
      <c r="I25" s="13">
        <v>1945</v>
      </c>
      <c r="J25" s="19">
        <v>937</v>
      </c>
      <c r="K25" s="19">
        <v>1008</v>
      </c>
    </row>
    <row r="26" spans="1:11" ht="15" customHeight="1">
      <c r="A26" s="17" t="s">
        <v>49</v>
      </c>
      <c r="B26" s="17"/>
      <c r="C26" s="13">
        <v>1674</v>
      </c>
      <c r="D26" s="19">
        <v>834</v>
      </c>
      <c r="E26" s="19">
        <v>840</v>
      </c>
      <c r="F26" s="19"/>
      <c r="G26" s="18" t="s">
        <v>50</v>
      </c>
      <c r="H26" s="17"/>
      <c r="I26" s="13">
        <v>1935</v>
      </c>
      <c r="J26" s="19">
        <v>889</v>
      </c>
      <c r="K26" s="19">
        <v>1046</v>
      </c>
    </row>
    <row r="27" spans="1:11" ht="15" customHeight="1">
      <c r="A27" s="17" t="s">
        <v>51</v>
      </c>
      <c r="B27" s="17"/>
      <c r="C27" s="13">
        <v>1741</v>
      </c>
      <c r="D27" s="19">
        <v>909</v>
      </c>
      <c r="E27" s="19">
        <v>832</v>
      </c>
      <c r="F27" s="19"/>
      <c r="G27" s="18" t="s">
        <v>52</v>
      </c>
      <c r="H27" s="17"/>
      <c r="I27" s="13">
        <v>2051</v>
      </c>
      <c r="J27" s="19">
        <v>948</v>
      </c>
      <c r="K27" s="19">
        <v>1103</v>
      </c>
    </row>
    <row r="28" spans="1:11" ht="15" customHeight="1">
      <c r="A28" s="17" t="s">
        <v>53</v>
      </c>
      <c r="B28" s="17"/>
      <c r="C28" s="13">
        <v>1829</v>
      </c>
      <c r="D28" s="19">
        <v>921</v>
      </c>
      <c r="E28" s="19">
        <v>908</v>
      </c>
      <c r="F28" s="19"/>
      <c r="G28" s="18" t="s">
        <v>54</v>
      </c>
      <c r="H28" s="17"/>
      <c r="I28" s="13">
        <v>2433</v>
      </c>
      <c r="J28" s="19">
        <v>1108</v>
      </c>
      <c r="K28" s="19">
        <v>1325</v>
      </c>
    </row>
    <row r="29" spans="1:11" ht="20.100000000000001" customHeight="1">
      <c r="A29" s="17" t="s">
        <v>55</v>
      </c>
      <c r="B29" s="17"/>
      <c r="C29" s="13">
        <v>11188</v>
      </c>
      <c r="D29" s="14">
        <v>5383</v>
      </c>
      <c r="E29" s="14">
        <v>5805</v>
      </c>
      <c r="F29" s="14"/>
      <c r="G29" s="18" t="s">
        <v>56</v>
      </c>
      <c r="H29" s="17"/>
      <c r="I29" s="13">
        <v>9901</v>
      </c>
      <c r="J29" s="14">
        <v>4590</v>
      </c>
      <c r="K29" s="14">
        <v>5311</v>
      </c>
    </row>
    <row r="30" spans="1:11" ht="15" customHeight="1">
      <c r="A30" s="17" t="s">
        <v>57</v>
      </c>
      <c r="B30" s="17"/>
      <c r="C30" s="13">
        <v>1983</v>
      </c>
      <c r="D30" s="19">
        <v>999</v>
      </c>
      <c r="E30" s="19">
        <v>984</v>
      </c>
      <c r="F30" s="19"/>
      <c r="G30" s="18" t="s">
        <v>58</v>
      </c>
      <c r="H30" s="17"/>
      <c r="I30" s="13">
        <v>2506</v>
      </c>
      <c r="J30" s="19">
        <v>1215</v>
      </c>
      <c r="K30" s="19">
        <v>1291</v>
      </c>
    </row>
    <row r="31" spans="1:11" ht="15" customHeight="1">
      <c r="A31" s="17" t="s">
        <v>59</v>
      </c>
      <c r="B31" s="17"/>
      <c r="C31" s="13">
        <v>2157</v>
      </c>
      <c r="D31" s="19">
        <v>1072</v>
      </c>
      <c r="E31" s="19">
        <v>1085</v>
      </c>
      <c r="F31" s="19"/>
      <c r="G31" s="18" t="s">
        <v>60</v>
      </c>
      <c r="H31" s="17"/>
      <c r="I31" s="13">
        <v>2391</v>
      </c>
      <c r="J31" s="19">
        <v>1083</v>
      </c>
      <c r="K31" s="19">
        <v>1308</v>
      </c>
    </row>
    <row r="32" spans="1:11" ht="15" customHeight="1">
      <c r="A32" s="17" t="s">
        <v>61</v>
      </c>
      <c r="B32" s="17"/>
      <c r="C32" s="13">
        <v>2382</v>
      </c>
      <c r="D32" s="19">
        <v>1083</v>
      </c>
      <c r="E32" s="19">
        <v>1299</v>
      </c>
      <c r="F32" s="19"/>
      <c r="G32" s="18" t="s">
        <v>62</v>
      </c>
      <c r="H32" s="17"/>
      <c r="I32" s="13">
        <v>1700</v>
      </c>
      <c r="J32" s="19">
        <v>774</v>
      </c>
      <c r="K32" s="19">
        <v>926</v>
      </c>
    </row>
    <row r="33" spans="1:11" ht="15" customHeight="1">
      <c r="A33" s="17" t="s">
        <v>63</v>
      </c>
      <c r="B33" s="17"/>
      <c r="C33" s="13">
        <v>2357</v>
      </c>
      <c r="D33" s="19">
        <v>1167</v>
      </c>
      <c r="E33" s="19">
        <v>1190</v>
      </c>
      <c r="F33" s="19"/>
      <c r="G33" s="18" t="s">
        <v>64</v>
      </c>
      <c r="H33" s="17"/>
      <c r="I33" s="13">
        <v>1521</v>
      </c>
      <c r="J33" s="19">
        <v>696</v>
      </c>
      <c r="K33" s="19">
        <v>825</v>
      </c>
    </row>
    <row r="34" spans="1:11" ht="15" customHeight="1">
      <c r="A34" s="17" t="s">
        <v>65</v>
      </c>
      <c r="B34" s="17"/>
      <c r="C34" s="13">
        <v>2309</v>
      </c>
      <c r="D34" s="19">
        <v>1062</v>
      </c>
      <c r="E34" s="19">
        <v>1247</v>
      </c>
      <c r="F34" s="19"/>
      <c r="G34" s="18" t="s">
        <v>66</v>
      </c>
      <c r="H34" s="17"/>
      <c r="I34" s="13">
        <v>1783</v>
      </c>
      <c r="J34" s="19">
        <v>822</v>
      </c>
      <c r="K34" s="19">
        <v>961</v>
      </c>
    </row>
    <row r="35" spans="1:11" ht="20.100000000000001" customHeight="1">
      <c r="A35" s="17" t="s">
        <v>67</v>
      </c>
      <c r="B35" s="17"/>
      <c r="C35" s="13">
        <v>8993</v>
      </c>
      <c r="D35" s="14">
        <v>4345</v>
      </c>
      <c r="E35" s="14">
        <v>4648</v>
      </c>
      <c r="F35" s="14"/>
      <c r="G35" s="18" t="s">
        <v>68</v>
      </c>
      <c r="H35" s="17"/>
      <c r="I35" s="13">
        <v>8377</v>
      </c>
      <c r="J35" s="14">
        <v>3864</v>
      </c>
      <c r="K35" s="14">
        <v>4513</v>
      </c>
    </row>
    <row r="36" spans="1:11" ht="15" customHeight="1">
      <c r="A36" s="17" t="s">
        <v>69</v>
      </c>
      <c r="B36" s="17"/>
      <c r="C36" s="13">
        <v>2000</v>
      </c>
      <c r="D36" s="19">
        <v>980</v>
      </c>
      <c r="E36" s="19">
        <v>1020</v>
      </c>
      <c r="F36" s="19"/>
      <c r="G36" s="18" t="s">
        <v>70</v>
      </c>
      <c r="H36" s="17"/>
      <c r="I36" s="13">
        <v>1894</v>
      </c>
      <c r="J36" s="19">
        <v>889</v>
      </c>
      <c r="K36" s="19">
        <v>1005</v>
      </c>
    </row>
    <row r="37" spans="1:11" ht="15" customHeight="1">
      <c r="A37" s="17" t="s">
        <v>71</v>
      </c>
      <c r="B37" s="17"/>
      <c r="C37" s="13">
        <v>1808</v>
      </c>
      <c r="D37" s="19">
        <v>892</v>
      </c>
      <c r="E37" s="19">
        <v>916</v>
      </c>
      <c r="F37" s="19"/>
      <c r="G37" s="18" t="s">
        <v>72</v>
      </c>
      <c r="H37" s="17"/>
      <c r="I37" s="13">
        <v>1757</v>
      </c>
      <c r="J37" s="19">
        <v>788</v>
      </c>
      <c r="K37" s="19">
        <v>969</v>
      </c>
    </row>
    <row r="38" spans="1:11" ht="15" customHeight="1">
      <c r="A38" s="17" t="s">
        <v>73</v>
      </c>
      <c r="B38" s="17"/>
      <c r="C38" s="13">
        <v>1801</v>
      </c>
      <c r="D38" s="19">
        <v>858</v>
      </c>
      <c r="E38" s="19">
        <v>943</v>
      </c>
      <c r="F38" s="19"/>
      <c r="G38" s="18" t="s">
        <v>74</v>
      </c>
      <c r="H38" s="17"/>
      <c r="I38" s="13">
        <v>1790</v>
      </c>
      <c r="J38" s="19">
        <v>834</v>
      </c>
      <c r="K38" s="19">
        <v>956</v>
      </c>
    </row>
    <row r="39" spans="1:11" ht="15" customHeight="1">
      <c r="A39" s="17" t="s">
        <v>75</v>
      </c>
      <c r="B39" s="17"/>
      <c r="C39" s="13">
        <v>1669</v>
      </c>
      <c r="D39" s="19">
        <v>780</v>
      </c>
      <c r="E39" s="19">
        <v>889</v>
      </c>
      <c r="F39" s="19"/>
      <c r="G39" s="18" t="s">
        <v>76</v>
      </c>
      <c r="H39" s="17"/>
      <c r="I39" s="13">
        <v>1559</v>
      </c>
      <c r="J39" s="19">
        <v>730</v>
      </c>
      <c r="K39" s="19">
        <v>829</v>
      </c>
    </row>
    <row r="40" spans="1:11" ht="15" customHeight="1">
      <c r="A40" s="17" t="s">
        <v>77</v>
      </c>
      <c r="B40" s="17"/>
      <c r="C40" s="13">
        <v>1715</v>
      </c>
      <c r="D40" s="19">
        <v>835</v>
      </c>
      <c r="E40" s="19">
        <v>880</v>
      </c>
      <c r="F40" s="19"/>
      <c r="G40" s="18" t="s">
        <v>78</v>
      </c>
      <c r="H40" s="17"/>
      <c r="I40" s="13">
        <v>1377</v>
      </c>
      <c r="J40" s="19">
        <v>623</v>
      </c>
      <c r="K40" s="19">
        <v>754</v>
      </c>
    </row>
    <row r="41" spans="1:11" ht="20.100000000000001" customHeight="1">
      <c r="A41" s="17" t="s">
        <v>79</v>
      </c>
      <c r="B41" s="17"/>
      <c r="C41" s="13">
        <v>9272</v>
      </c>
      <c r="D41" s="14">
        <v>4581</v>
      </c>
      <c r="E41" s="14">
        <v>4691</v>
      </c>
      <c r="F41" s="14"/>
      <c r="G41" s="18" t="s">
        <v>80</v>
      </c>
      <c r="H41" s="17"/>
      <c r="I41" s="13">
        <v>6158</v>
      </c>
      <c r="J41" s="14">
        <v>2689</v>
      </c>
      <c r="K41" s="14">
        <v>3469</v>
      </c>
    </row>
    <row r="42" spans="1:11" ht="15" customHeight="1">
      <c r="A42" s="17" t="s">
        <v>81</v>
      </c>
      <c r="B42" s="17"/>
      <c r="C42" s="13">
        <v>1711</v>
      </c>
      <c r="D42" s="19">
        <v>828</v>
      </c>
      <c r="E42" s="19">
        <v>883</v>
      </c>
      <c r="F42" s="19"/>
      <c r="G42" s="18" t="s">
        <v>82</v>
      </c>
      <c r="H42" s="17"/>
      <c r="I42" s="13">
        <v>1302</v>
      </c>
      <c r="J42" s="19">
        <v>606</v>
      </c>
      <c r="K42" s="19">
        <v>696</v>
      </c>
    </row>
    <row r="43" spans="1:11" ht="15" customHeight="1">
      <c r="A43" s="17" t="s">
        <v>83</v>
      </c>
      <c r="B43" s="17"/>
      <c r="C43" s="13">
        <v>1768</v>
      </c>
      <c r="D43" s="19">
        <v>863</v>
      </c>
      <c r="E43" s="19">
        <v>905</v>
      </c>
      <c r="F43" s="19"/>
      <c r="G43" s="18" t="s">
        <v>84</v>
      </c>
      <c r="H43" s="17"/>
      <c r="I43" s="13">
        <v>1374</v>
      </c>
      <c r="J43" s="19">
        <v>611</v>
      </c>
      <c r="K43" s="19">
        <v>763</v>
      </c>
    </row>
    <row r="44" spans="1:11" ht="15" customHeight="1">
      <c r="A44" s="17" t="s">
        <v>85</v>
      </c>
      <c r="B44" s="17"/>
      <c r="C44" s="13">
        <v>1847</v>
      </c>
      <c r="D44" s="19">
        <v>938</v>
      </c>
      <c r="E44" s="19">
        <v>909</v>
      </c>
      <c r="F44" s="19"/>
      <c r="G44" s="18" t="s">
        <v>86</v>
      </c>
      <c r="H44" s="17"/>
      <c r="I44" s="13">
        <v>1244</v>
      </c>
      <c r="J44" s="19">
        <v>536</v>
      </c>
      <c r="K44" s="19">
        <v>708</v>
      </c>
    </row>
    <row r="45" spans="1:11" ht="15" customHeight="1">
      <c r="A45" s="17" t="s">
        <v>87</v>
      </c>
      <c r="B45" s="17"/>
      <c r="C45" s="13">
        <v>1904</v>
      </c>
      <c r="D45" s="19">
        <v>922</v>
      </c>
      <c r="E45" s="19">
        <v>982</v>
      </c>
      <c r="F45" s="19"/>
      <c r="G45" s="18" t="s">
        <v>88</v>
      </c>
      <c r="H45" s="17"/>
      <c r="I45" s="13">
        <v>1227</v>
      </c>
      <c r="J45" s="19">
        <v>508</v>
      </c>
      <c r="K45" s="19">
        <v>719</v>
      </c>
    </row>
    <row r="46" spans="1:11" ht="15" customHeight="1">
      <c r="A46" s="17" t="s">
        <v>89</v>
      </c>
      <c r="B46" s="17"/>
      <c r="C46" s="13">
        <v>2042</v>
      </c>
      <c r="D46" s="19">
        <v>1030</v>
      </c>
      <c r="E46" s="19">
        <v>1012</v>
      </c>
      <c r="F46" s="19"/>
      <c r="G46" s="18" t="s">
        <v>90</v>
      </c>
      <c r="H46" s="17"/>
      <c r="I46" s="13">
        <v>1011</v>
      </c>
      <c r="J46" s="19">
        <v>428</v>
      </c>
      <c r="K46" s="19">
        <v>583</v>
      </c>
    </row>
    <row r="47" spans="1:11" ht="20.100000000000001" customHeight="1">
      <c r="A47" s="17" t="s">
        <v>91</v>
      </c>
      <c r="B47" s="17"/>
      <c r="C47" s="13">
        <v>11129</v>
      </c>
      <c r="D47" s="14">
        <v>5476</v>
      </c>
      <c r="E47" s="14">
        <v>5653</v>
      </c>
      <c r="F47" s="14"/>
      <c r="G47" s="18" t="s">
        <v>92</v>
      </c>
      <c r="H47" s="17"/>
      <c r="I47" s="13">
        <v>4235</v>
      </c>
      <c r="J47" s="14">
        <v>1641</v>
      </c>
      <c r="K47" s="14">
        <v>2594</v>
      </c>
    </row>
    <row r="48" spans="1:11" ht="15" customHeight="1">
      <c r="A48" s="17" t="s">
        <v>93</v>
      </c>
      <c r="B48" s="17"/>
      <c r="C48" s="13">
        <v>2142</v>
      </c>
      <c r="D48" s="19">
        <v>1031</v>
      </c>
      <c r="E48" s="19">
        <v>1111</v>
      </c>
      <c r="F48" s="19"/>
      <c r="G48" s="18" t="s">
        <v>94</v>
      </c>
      <c r="H48" s="17"/>
      <c r="I48" s="13">
        <v>1072</v>
      </c>
      <c r="J48" s="19">
        <v>445</v>
      </c>
      <c r="K48" s="19">
        <v>627</v>
      </c>
    </row>
    <row r="49" spans="1:11" ht="15" customHeight="1">
      <c r="A49" s="17" t="s">
        <v>95</v>
      </c>
      <c r="B49" s="17"/>
      <c r="C49" s="13">
        <v>2098</v>
      </c>
      <c r="D49" s="19">
        <v>1030</v>
      </c>
      <c r="E49" s="19">
        <v>1068</v>
      </c>
      <c r="F49" s="19"/>
      <c r="G49" s="18" t="s">
        <v>96</v>
      </c>
      <c r="H49" s="17"/>
      <c r="I49" s="13">
        <v>973</v>
      </c>
      <c r="J49" s="19">
        <v>370</v>
      </c>
      <c r="K49" s="19">
        <v>603</v>
      </c>
    </row>
    <row r="50" spans="1:11" ht="15" customHeight="1">
      <c r="A50" s="17" t="s">
        <v>97</v>
      </c>
      <c r="B50" s="17"/>
      <c r="C50" s="13">
        <v>2184</v>
      </c>
      <c r="D50" s="19">
        <v>1072</v>
      </c>
      <c r="E50" s="19">
        <v>1112</v>
      </c>
      <c r="F50" s="19"/>
      <c r="G50" s="18" t="s">
        <v>98</v>
      </c>
      <c r="H50" s="17"/>
      <c r="I50" s="13">
        <v>861</v>
      </c>
      <c r="J50" s="19">
        <v>335</v>
      </c>
      <c r="K50" s="19">
        <v>526</v>
      </c>
    </row>
    <row r="51" spans="1:11" ht="15" customHeight="1">
      <c r="A51" s="17" t="s">
        <v>99</v>
      </c>
      <c r="B51" s="17"/>
      <c r="C51" s="13">
        <v>2252</v>
      </c>
      <c r="D51" s="19">
        <v>1111</v>
      </c>
      <c r="E51" s="19">
        <v>1141</v>
      </c>
      <c r="F51" s="19"/>
      <c r="G51" s="18" t="s">
        <v>100</v>
      </c>
      <c r="H51" s="17"/>
      <c r="I51" s="13">
        <v>722</v>
      </c>
      <c r="J51" s="19">
        <v>251</v>
      </c>
      <c r="K51" s="19">
        <v>471</v>
      </c>
    </row>
    <row r="52" spans="1:11" ht="15" customHeight="1">
      <c r="A52" s="17" t="s">
        <v>101</v>
      </c>
      <c r="B52" s="17"/>
      <c r="C52" s="13">
        <v>2453</v>
      </c>
      <c r="D52" s="19">
        <v>1232</v>
      </c>
      <c r="E52" s="19">
        <v>1221</v>
      </c>
      <c r="F52" s="19"/>
      <c r="G52" s="18" t="s">
        <v>102</v>
      </c>
      <c r="H52" s="17"/>
      <c r="I52" s="13">
        <v>607</v>
      </c>
      <c r="J52" s="19">
        <v>240</v>
      </c>
      <c r="K52" s="19">
        <v>367</v>
      </c>
    </row>
    <row r="53" spans="1:11" ht="20.100000000000001" customHeight="1">
      <c r="A53" s="17" t="s">
        <v>103</v>
      </c>
      <c r="B53" s="17"/>
      <c r="C53" s="13">
        <v>13761</v>
      </c>
      <c r="D53" s="14">
        <v>6826</v>
      </c>
      <c r="E53" s="14">
        <v>6935</v>
      </c>
      <c r="F53" s="14"/>
      <c r="G53" s="18" t="s">
        <v>104</v>
      </c>
      <c r="H53" s="17"/>
      <c r="I53" s="13">
        <v>1970</v>
      </c>
      <c r="J53" s="14">
        <v>598</v>
      </c>
      <c r="K53" s="14">
        <v>1372</v>
      </c>
    </row>
    <row r="54" spans="1:11" ht="15" customHeight="1">
      <c r="A54" s="17" t="s">
        <v>105</v>
      </c>
      <c r="B54" s="17"/>
      <c r="C54" s="13">
        <v>2577</v>
      </c>
      <c r="D54" s="19">
        <v>1266</v>
      </c>
      <c r="E54" s="19">
        <v>1311</v>
      </c>
      <c r="F54" s="19"/>
      <c r="G54" s="18" t="s">
        <v>106</v>
      </c>
      <c r="H54" s="17"/>
      <c r="I54" s="13">
        <v>567</v>
      </c>
      <c r="J54" s="19">
        <v>160</v>
      </c>
      <c r="K54" s="19">
        <v>407</v>
      </c>
    </row>
    <row r="55" spans="1:11" ht="15" customHeight="1">
      <c r="A55" s="17" t="s">
        <v>107</v>
      </c>
      <c r="B55" s="17"/>
      <c r="C55" s="13">
        <v>2661</v>
      </c>
      <c r="D55" s="19">
        <v>1337</v>
      </c>
      <c r="E55" s="19">
        <v>1324</v>
      </c>
      <c r="F55" s="19"/>
      <c r="G55" s="18" t="s">
        <v>108</v>
      </c>
      <c r="H55" s="17"/>
      <c r="I55" s="13">
        <v>461</v>
      </c>
      <c r="J55" s="19">
        <v>129</v>
      </c>
      <c r="K55" s="19">
        <v>332</v>
      </c>
    </row>
    <row r="56" spans="1:11" ht="15" customHeight="1">
      <c r="A56" s="17" t="s">
        <v>109</v>
      </c>
      <c r="B56" s="17"/>
      <c r="C56" s="13">
        <v>2679</v>
      </c>
      <c r="D56" s="19">
        <v>1329</v>
      </c>
      <c r="E56" s="19">
        <v>1350</v>
      </c>
      <c r="F56" s="19"/>
      <c r="G56" s="18" t="s">
        <v>110</v>
      </c>
      <c r="H56" s="17"/>
      <c r="I56" s="13">
        <v>365</v>
      </c>
      <c r="J56" s="19">
        <v>138</v>
      </c>
      <c r="K56" s="19">
        <v>227</v>
      </c>
    </row>
    <row r="57" spans="1:11" ht="15" customHeight="1">
      <c r="A57" s="17" t="s">
        <v>111</v>
      </c>
      <c r="B57" s="17"/>
      <c r="C57" s="13">
        <v>2929</v>
      </c>
      <c r="D57" s="19">
        <v>1458</v>
      </c>
      <c r="E57" s="19">
        <v>1471</v>
      </c>
      <c r="F57" s="19"/>
      <c r="G57" s="18" t="s">
        <v>112</v>
      </c>
      <c r="H57" s="17"/>
      <c r="I57" s="13">
        <v>311</v>
      </c>
      <c r="J57" s="19">
        <v>95</v>
      </c>
      <c r="K57" s="19">
        <v>216</v>
      </c>
    </row>
    <row r="58" spans="1:11" ht="15" customHeight="1">
      <c r="A58" s="17" t="s">
        <v>113</v>
      </c>
      <c r="B58" s="17"/>
      <c r="C58" s="13">
        <v>2915</v>
      </c>
      <c r="D58" s="19">
        <v>1436</v>
      </c>
      <c r="E58" s="19">
        <v>1479</v>
      </c>
      <c r="F58" s="19"/>
      <c r="G58" s="18" t="s">
        <v>114</v>
      </c>
      <c r="H58" s="17"/>
      <c r="I58" s="13">
        <v>266</v>
      </c>
      <c r="J58" s="19">
        <v>76</v>
      </c>
      <c r="K58" s="19">
        <v>190</v>
      </c>
    </row>
    <row r="59" spans="1:11" ht="20.100000000000001" customHeight="1">
      <c r="A59" s="17" t="s">
        <v>115</v>
      </c>
      <c r="B59" s="17"/>
      <c r="C59" s="13">
        <v>15466</v>
      </c>
      <c r="D59" s="14">
        <v>7599</v>
      </c>
      <c r="E59" s="14">
        <v>7867</v>
      </c>
      <c r="F59" s="14"/>
      <c r="G59" s="18" t="s">
        <v>116</v>
      </c>
      <c r="H59" s="17"/>
      <c r="I59" s="13">
        <v>583</v>
      </c>
      <c r="J59" s="14">
        <v>106</v>
      </c>
      <c r="K59" s="14">
        <v>477</v>
      </c>
    </row>
    <row r="60" spans="1:11" ht="15" customHeight="1">
      <c r="A60" s="17" t="s">
        <v>117</v>
      </c>
      <c r="B60" s="17"/>
      <c r="C60" s="13">
        <v>3115</v>
      </c>
      <c r="D60" s="19">
        <v>1553</v>
      </c>
      <c r="E60" s="19">
        <v>1562</v>
      </c>
      <c r="F60" s="19"/>
      <c r="G60" s="18" t="s">
        <v>118</v>
      </c>
      <c r="H60" s="17"/>
      <c r="I60" s="13">
        <v>215</v>
      </c>
      <c r="J60" s="19">
        <v>45</v>
      </c>
      <c r="K60" s="19">
        <v>170</v>
      </c>
    </row>
    <row r="61" spans="1:11" ht="15" customHeight="1">
      <c r="A61" s="17" t="s">
        <v>119</v>
      </c>
      <c r="B61" s="17"/>
      <c r="C61" s="13">
        <v>3136</v>
      </c>
      <c r="D61" s="19">
        <v>1533</v>
      </c>
      <c r="E61" s="19">
        <v>1603</v>
      </c>
      <c r="F61" s="19"/>
      <c r="G61" s="18" t="s">
        <v>120</v>
      </c>
      <c r="H61" s="17"/>
      <c r="I61" s="13">
        <v>152</v>
      </c>
      <c r="J61" s="19">
        <v>33</v>
      </c>
      <c r="K61" s="19">
        <v>119</v>
      </c>
    </row>
    <row r="62" spans="1:11" ht="15" customHeight="1">
      <c r="A62" s="17" t="s">
        <v>121</v>
      </c>
      <c r="B62" s="17"/>
      <c r="C62" s="13">
        <v>3090</v>
      </c>
      <c r="D62" s="19">
        <v>1501</v>
      </c>
      <c r="E62" s="19">
        <v>1589</v>
      </c>
      <c r="F62" s="19"/>
      <c r="G62" s="18" t="s">
        <v>122</v>
      </c>
      <c r="H62" s="17"/>
      <c r="I62" s="13">
        <v>102</v>
      </c>
      <c r="J62" s="19">
        <v>9</v>
      </c>
      <c r="K62" s="19">
        <v>93</v>
      </c>
    </row>
    <row r="63" spans="1:11" ht="15" customHeight="1">
      <c r="A63" s="17" t="s">
        <v>123</v>
      </c>
      <c r="B63" s="17"/>
      <c r="C63" s="13">
        <v>3063</v>
      </c>
      <c r="D63" s="19">
        <v>1499</v>
      </c>
      <c r="E63" s="19">
        <v>1564</v>
      </c>
      <c r="F63" s="19"/>
      <c r="G63" s="18" t="s">
        <v>124</v>
      </c>
      <c r="H63" s="17"/>
      <c r="I63" s="13">
        <v>64</v>
      </c>
      <c r="J63" s="19">
        <v>12</v>
      </c>
      <c r="K63" s="19">
        <v>52</v>
      </c>
    </row>
    <row r="64" spans="1:11" ht="15" customHeight="1">
      <c r="A64" s="17" t="s">
        <v>125</v>
      </c>
      <c r="B64" s="17"/>
      <c r="C64" s="13">
        <v>3062</v>
      </c>
      <c r="D64" s="19">
        <v>1513</v>
      </c>
      <c r="E64" s="19">
        <v>1549</v>
      </c>
      <c r="F64" s="19"/>
      <c r="G64" s="18" t="s">
        <v>126</v>
      </c>
      <c r="H64" s="17"/>
      <c r="I64" s="13">
        <v>50</v>
      </c>
      <c r="J64" s="19">
        <v>7</v>
      </c>
      <c r="K64" s="19">
        <v>4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23</v>
      </c>
      <c r="J65" s="19">
        <v>18</v>
      </c>
      <c r="K65" s="19">
        <v>10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347</v>
      </c>
      <c r="J66" s="29">
        <v>797</v>
      </c>
      <c r="K66" s="29">
        <v>55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8" pageOrder="overThenDown" orientation="portrait" blackAndWhite="1" useFirstPageNumber="1" horizontalDpi="300" verticalDpi="300"/>
  <headerFooter scaleWithDoc="0"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6" t="s">
        <v>129</v>
      </c>
      <c r="B2" s="6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701110</v>
      </c>
      <c r="D4" s="14">
        <v>341515</v>
      </c>
      <c r="E4" s="14">
        <v>35959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2452</v>
      </c>
      <c r="D5" s="14">
        <v>11544</v>
      </c>
      <c r="E5" s="14">
        <v>10908</v>
      </c>
      <c r="F5" s="14"/>
      <c r="G5" s="18" t="s">
        <v>8</v>
      </c>
      <c r="H5" s="17"/>
      <c r="I5" s="13">
        <v>50116</v>
      </c>
      <c r="J5" s="14">
        <v>25457</v>
      </c>
      <c r="K5" s="14">
        <v>24659</v>
      </c>
    </row>
    <row r="6" spans="1:11" ht="15" customHeight="1">
      <c r="A6" s="17" t="s">
        <v>9</v>
      </c>
      <c r="B6" s="17"/>
      <c r="C6" s="13">
        <v>4069</v>
      </c>
      <c r="D6" s="19">
        <v>2088</v>
      </c>
      <c r="E6" s="19">
        <v>1981</v>
      </c>
      <c r="F6" s="19"/>
      <c r="G6" s="18" t="s">
        <v>10</v>
      </c>
      <c r="H6" s="17"/>
      <c r="I6" s="13">
        <v>11035</v>
      </c>
      <c r="J6" s="19">
        <v>5597</v>
      </c>
      <c r="K6" s="19">
        <v>5438</v>
      </c>
    </row>
    <row r="7" spans="1:11" ht="15" customHeight="1">
      <c r="A7" s="17" t="s">
        <v>11</v>
      </c>
      <c r="B7" s="17"/>
      <c r="C7" s="13">
        <v>4318</v>
      </c>
      <c r="D7" s="19">
        <v>2216</v>
      </c>
      <c r="E7" s="19">
        <v>2102</v>
      </c>
      <c r="F7" s="19"/>
      <c r="G7" s="18" t="s">
        <v>12</v>
      </c>
      <c r="H7" s="17"/>
      <c r="I7" s="13">
        <v>11234</v>
      </c>
      <c r="J7" s="19">
        <v>5720</v>
      </c>
      <c r="K7" s="19">
        <v>5514</v>
      </c>
    </row>
    <row r="8" spans="1:11" ht="15" customHeight="1">
      <c r="A8" s="17" t="s">
        <v>13</v>
      </c>
      <c r="B8" s="17"/>
      <c r="C8" s="13">
        <v>4758</v>
      </c>
      <c r="D8" s="19">
        <v>2504</v>
      </c>
      <c r="E8" s="19">
        <v>2254</v>
      </c>
      <c r="F8" s="19"/>
      <c r="G8" s="18" t="s">
        <v>14</v>
      </c>
      <c r="H8" s="17"/>
      <c r="I8" s="13">
        <v>8196</v>
      </c>
      <c r="J8" s="19">
        <v>4206</v>
      </c>
      <c r="K8" s="19">
        <v>3990</v>
      </c>
    </row>
    <row r="9" spans="1:11" ht="15" customHeight="1">
      <c r="A9" s="17" t="s">
        <v>15</v>
      </c>
      <c r="B9" s="17"/>
      <c r="C9" s="13">
        <v>4691</v>
      </c>
      <c r="D9" s="19">
        <v>2412</v>
      </c>
      <c r="E9" s="19">
        <v>2279</v>
      </c>
      <c r="F9" s="19"/>
      <c r="G9" s="18" t="s">
        <v>16</v>
      </c>
      <c r="H9" s="17"/>
      <c r="I9" s="13">
        <v>10249</v>
      </c>
      <c r="J9" s="19">
        <v>5151</v>
      </c>
      <c r="K9" s="19">
        <v>5098</v>
      </c>
    </row>
    <row r="10" spans="1:11" ht="15" customHeight="1">
      <c r="A10" s="17" t="s">
        <v>17</v>
      </c>
      <c r="B10" s="17"/>
      <c r="C10" s="13">
        <v>4616</v>
      </c>
      <c r="D10" s="19">
        <v>2324</v>
      </c>
      <c r="E10" s="19">
        <v>2292</v>
      </c>
      <c r="F10" s="19"/>
      <c r="G10" s="18" t="s">
        <v>18</v>
      </c>
      <c r="H10" s="17"/>
      <c r="I10" s="13">
        <v>9402</v>
      </c>
      <c r="J10" s="19">
        <v>4783</v>
      </c>
      <c r="K10" s="19">
        <v>4619</v>
      </c>
    </row>
    <row r="11" spans="1:11" ht="20.100000000000001" customHeight="1">
      <c r="A11" s="17" t="s">
        <v>19</v>
      </c>
      <c r="B11" s="17"/>
      <c r="C11" s="13">
        <v>26124</v>
      </c>
      <c r="D11" s="14">
        <v>13308</v>
      </c>
      <c r="E11" s="14">
        <v>12816</v>
      </c>
      <c r="F11" s="14"/>
      <c r="G11" s="18" t="s">
        <v>20</v>
      </c>
      <c r="H11" s="17"/>
      <c r="I11" s="13">
        <v>42742</v>
      </c>
      <c r="J11" s="14">
        <v>21586</v>
      </c>
      <c r="K11" s="14">
        <v>21156</v>
      </c>
    </row>
    <row r="12" spans="1:11" ht="15" customHeight="1">
      <c r="A12" s="17" t="s">
        <v>21</v>
      </c>
      <c r="B12" s="17"/>
      <c r="C12" s="13">
        <v>4989</v>
      </c>
      <c r="D12" s="19">
        <v>2520</v>
      </c>
      <c r="E12" s="19">
        <v>2469</v>
      </c>
      <c r="F12" s="19"/>
      <c r="G12" s="18" t="s">
        <v>22</v>
      </c>
      <c r="H12" s="17"/>
      <c r="I12" s="13">
        <v>9153</v>
      </c>
      <c r="J12" s="19">
        <v>4637</v>
      </c>
      <c r="K12" s="19">
        <v>4516</v>
      </c>
    </row>
    <row r="13" spans="1:11" ht="15" customHeight="1">
      <c r="A13" s="17" t="s">
        <v>23</v>
      </c>
      <c r="B13" s="17"/>
      <c r="C13" s="13">
        <v>4989</v>
      </c>
      <c r="D13" s="19">
        <v>2556</v>
      </c>
      <c r="E13" s="19">
        <v>2433</v>
      </c>
      <c r="F13" s="19"/>
      <c r="G13" s="18" t="s">
        <v>24</v>
      </c>
      <c r="H13" s="17"/>
      <c r="I13" s="13">
        <v>8656</v>
      </c>
      <c r="J13" s="19">
        <v>4426</v>
      </c>
      <c r="K13" s="19">
        <v>4230</v>
      </c>
    </row>
    <row r="14" spans="1:11" ht="15" customHeight="1">
      <c r="A14" s="17" t="s">
        <v>25</v>
      </c>
      <c r="B14" s="17"/>
      <c r="C14" s="13">
        <v>5314</v>
      </c>
      <c r="D14" s="19">
        <v>2730</v>
      </c>
      <c r="E14" s="19">
        <v>2584</v>
      </c>
      <c r="F14" s="19"/>
      <c r="G14" s="18" t="s">
        <v>26</v>
      </c>
      <c r="H14" s="17"/>
      <c r="I14" s="13">
        <v>8498</v>
      </c>
      <c r="J14" s="19">
        <v>4267</v>
      </c>
      <c r="K14" s="19">
        <v>4231</v>
      </c>
    </row>
    <row r="15" spans="1:11" ht="15" customHeight="1">
      <c r="A15" s="17" t="s">
        <v>27</v>
      </c>
      <c r="B15" s="17"/>
      <c r="C15" s="13">
        <v>5448</v>
      </c>
      <c r="D15" s="19">
        <v>2784</v>
      </c>
      <c r="E15" s="19">
        <v>2664</v>
      </c>
      <c r="F15" s="19"/>
      <c r="G15" s="18" t="s">
        <v>28</v>
      </c>
      <c r="H15" s="17"/>
      <c r="I15" s="13">
        <v>8299</v>
      </c>
      <c r="J15" s="19">
        <v>4118</v>
      </c>
      <c r="K15" s="19">
        <v>4181</v>
      </c>
    </row>
    <row r="16" spans="1:11" ht="15" customHeight="1">
      <c r="A16" s="17" t="s">
        <v>29</v>
      </c>
      <c r="B16" s="17"/>
      <c r="C16" s="13">
        <v>5384</v>
      </c>
      <c r="D16" s="19">
        <v>2718</v>
      </c>
      <c r="E16" s="19">
        <v>2666</v>
      </c>
      <c r="F16" s="19"/>
      <c r="G16" s="18" t="s">
        <v>30</v>
      </c>
      <c r="H16" s="17"/>
      <c r="I16" s="13">
        <v>8136</v>
      </c>
      <c r="J16" s="19">
        <v>4138</v>
      </c>
      <c r="K16" s="19">
        <v>3998</v>
      </c>
    </row>
    <row r="17" spans="1:11" ht="20.100000000000001" customHeight="1">
      <c r="A17" s="20" t="s">
        <v>31</v>
      </c>
      <c r="B17" s="20"/>
      <c r="C17" s="13">
        <v>28700</v>
      </c>
      <c r="D17" s="14">
        <v>14594</v>
      </c>
      <c r="E17" s="14">
        <v>14106</v>
      </c>
      <c r="F17" s="14"/>
      <c r="G17" s="18" t="s">
        <v>32</v>
      </c>
      <c r="H17" s="17"/>
      <c r="I17" s="13">
        <v>39807</v>
      </c>
      <c r="J17" s="14">
        <v>19590</v>
      </c>
      <c r="K17" s="14">
        <v>20217</v>
      </c>
    </row>
    <row r="18" spans="1:11" ht="15" customHeight="1">
      <c r="A18" s="17" t="s">
        <v>33</v>
      </c>
      <c r="B18" s="17"/>
      <c r="C18" s="13">
        <v>5566</v>
      </c>
      <c r="D18" s="19">
        <v>2851</v>
      </c>
      <c r="E18" s="19">
        <v>2715</v>
      </c>
      <c r="F18" s="19"/>
      <c r="G18" s="18" t="s">
        <v>34</v>
      </c>
      <c r="H18" s="17"/>
      <c r="I18" s="13">
        <v>8069</v>
      </c>
      <c r="J18" s="19">
        <v>4037</v>
      </c>
      <c r="K18" s="19">
        <v>4032</v>
      </c>
    </row>
    <row r="19" spans="1:11" ht="15" customHeight="1">
      <c r="A19" s="17" t="s">
        <v>35</v>
      </c>
      <c r="B19" s="17"/>
      <c r="C19" s="13">
        <v>5714</v>
      </c>
      <c r="D19" s="19">
        <v>2879</v>
      </c>
      <c r="E19" s="19">
        <v>2835</v>
      </c>
      <c r="F19" s="19"/>
      <c r="G19" s="18" t="s">
        <v>36</v>
      </c>
      <c r="H19" s="17"/>
      <c r="I19" s="13">
        <v>7551</v>
      </c>
      <c r="J19" s="19">
        <v>3784</v>
      </c>
      <c r="K19" s="19">
        <v>3767</v>
      </c>
    </row>
    <row r="20" spans="1:11" ht="15" customHeight="1">
      <c r="A20" s="17" t="s">
        <v>37</v>
      </c>
      <c r="B20" s="17"/>
      <c r="C20" s="13">
        <v>5782</v>
      </c>
      <c r="D20" s="19">
        <v>2959</v>
      </c>
      <c r="E20" s="19">
        <v>2823</v>
      </c>
      <c r="F20" s="19"/>
      <c r="G20" s="18" t="s">
        <v>38</v>
      </c>
      <c r="H20" s="17"/>
      <c r="I20" s="13">
        <v>7780</v>
      </c>
      <c r="J20" s="19">
        <v>3807</v>
      </c>
      <c r="K20" s="19">
        <v>3973</v>
      </c>
    </row>
    <row r="21" spans="1:11" ht="15" customHeight="1">
      <c r="A21" s="17" t="s">
        <v>39</v>
      </c>
      <c r="B21" s="17"/>
      <c r="C21" s="13">
        <v>5652</v>
      </c>
      <c r="D21" s="19">
        <v>2830</v>
      </c>
      <c r="E21" s="19">
        <v>2822</v>
      </c>
      <c r="F21" s="19"/>
      <c r="G21" s="18" t="s">
        <v>40</v>
      </c>
      <c r="H21" s="17"/>
      <c r="I21" s="13">
        <v>8139</v>
      </c>
      <c r="J21" s="19">
        <v>3903</v>
      </c>
      <c r="K21" s="19">
        <v>4236</v>
      </c>
    </row>
    <row r="22" spans="1:11" ht="15" customHeight="1">
      <c r="A22" s="17" t="s">
        <v>41</v>
      </c>
      <c r="B22" s="17"/>
      <c r="C22" s="13">
        <v>5986</v>
      </c>
      <c r="D22" s="19">
        <v>3075</v>
      </c>
      <c r="E22" s="19">
        <v>2911</v>
      </c>
      <c r="F22" s="19"/>
      <c r="G22" s="18" t="s">
        <v>42</v>
      </c>
      <c r="H22" s="17"/>
      <c r="I22" s="13">
        <v>8268</v>
      </c>
      <c r="J22" s="19">
        <v>4059</v>
      </c>
      <c r="K22" s="19">
        <v>4209</v>
      </c>
    </row>
    <row r="23" spans="1:11" ht="20.100000000000001" customHeight="1">
      <c r="A23" s="17" t="s">
        <v>43</v>
      </c>
      <c r="B23" s="17"/>
      <c r="C23" s="13">
        <v>33935</v>
      </c>
      <c r="D23" s="14">
        <v>18218</v>
      </c>
      <c r="E23" s="14">
        <v>15717</v>
      </c>
      <c r="F23" s="14"/>
      <c r="G23" s="18" t="s">
        <v>44</v>
      </c>
      <c r="H23" s="17"/>
      <c r="I23" s="13">
        <v>51277</v>
      </c>
      <c r="J23" s="14">
        <v>24480</v>
      </c>
      <c r="K23" s="14">
        <v>26797</v>
      </c>
    </row>
    <row r="24" spans="1:11" ht="15" customHeight="1">
      <c r="A24" s="17" t="s">
        <v>45</v>
      </c>
      <c r="B24" s="17"/>
      <c r="C24" s="13">
        <v>6549</v>
      </c>
      <c r="D24" s="19">
        <v>3507</v>
      </c>
      <c r="E24" s="19">
        <v>3042</v>
      </c>
      <c r="F24" s="19"/>
      <c r="G24" s="18" t="s">
        <v>46</v>
      </c>
      <c r="H24" s="17"/>
      <c r="I24" s="13">
        <v>8634</v>
      </c>
      <c r="J24" s="19">
        <v>4192</v>
      </c>
      <c r="K24" s="19">
        <v>4442</v>
      </c>
    </row>
    <row r="25" spans="1:11" ht="15" customHeight="1">
      <c r="A25" s="17" t="s">
        <v>47</v>
      </c>
      <c r="B25" s="17"/>
      <c r="C25" s="13">
        <v>6492</v>
      </c>
      <c r="D25" s="19">
        <v>3431</v>
      </c>
      <c r="E25" s="19">
        <v>3061</v>
      </c>
      <c r="F25" s="19"/>
      <c r="G25" s="18" t="s">
        <v>48</v>
      </c>
      <c r="H25" s="17"/>
      <c r="I25" s="13">
        <v>9283</v>
      </c>
      <c r="J25" s="19">
        <v>4442</v>
      </c>
      <c r="K25" s="19">
        <v>4841</v>
      </c>
    </row>
    <row r="26" spans="1:11" ht="15" customHeight="1">
      <c r="A26" s="17" t="s">
        <v>49</v>
      </c>
      <c r="B26" s="17"/>
      <c r="C26" s="13">
        <v>6604</v>
      </c>
      <c r="D26" s="19">
        <v>3575</v>
      </c>
      <c r="E26" s="19">
        <v>3029</v>
      </c>
      <c r="F26" s="19"/>
      <c r="G26" s="18" t="s">
        <v>50</v>
      </c>
      <c r="H26" s="17"/>
      <c r="I26" s="13">
        <v>9987</v>
      </c>
      <c r="J26" s="19">
        <v>4738</v>
      </c>
      <c r="K26" s="19">
        <v>5249</v>
      </c>
    </row>
    <row r="27" spans="1:11" ht="15" customHeight="1">
      <c r="A27" s="17" t="s">
        <v>51</v>
      </c>
      <c r="B27" s="17"/>
      <c r="C27" s="13">
        <v>7334</v>
      </c>
      <c r="D27" s="19">
        <v>3910</v>
      </c>
      <c r="E27" s="19">
        <v>3424</v>
      </c>
      <c r="F27" s="19"/>
      <c r="G27" s="18" t="s">
        <v>52</v>
      </c>
      <c r="H27" s="17"/>
      <c r="I27" s="13">
        <v>10687</v>
      </c>
      <c r="J27" s="19">
        <v>5123</v>
      </c>
      <c r="K27" s="19">
        <v>5564</v>
      </c>
    </row>
    <row r="28" spans="1:11" ht="15" customHeight="1">
      <c r="A28" s="17" t="s">
        <v>53</v>
      </c>
      <c r="B28" s="17"/>
      <c r="C28" s="13">
        <v>6956</v>
      </c>
      <c r="D28" s="19">
        <v>3795</v>
      </c>
      <c r="E28" s="19">
        <v>3161</v>
      </c>
      <c r="F28" s="19"/>
      <c r="G28" s="18" t="s">
        <v>54</v>
      </c>
      <c r="H28" s="17"/>
      <c r="I28" s="13">
        <v>12686</v>
      </c>
      <c r="J28" s="19">
        <v>5985</v>
      </c>
      <c r="K28" s="19">
        <v>6701</v>
      </c>
    </row>
    <row r="29" spans="1:11" ht="20.100000000000001" customHeight="1">
      <c r="A29" s="17" t="s">
        <v>55</v>
      </c>
      <c r="B29" s="17"/>
      <c r="C29" s="13">
        <v>32040</v>
      </c>
      <c r="D29" s="14">
        <v>17070</v>
      </c>
      <c r="E29" s="14">
        <v>14970</v>
      </c>
      <c r="F29" s="14"/>
      <c r="G29" s="18" t="s">
        <v>56</v>
      </c>
      <c r="H29" s="17"/>
      <c r="I29" s="13">
        <v>52924</v>
      </c>
      <c r="J29" s="14">
        <v>24115</v>
      </c>
      <c r="K29" s="14">
        <v>28809</v>
      </c>
    </row>
    <row r="30" spans="1:11" ht="15" customHeight="1">
      <c r="A30" s="17" t="s">
        <v>57</v>
      </c>
      <c r="B30" s="17"/>
      <c r="C30" s="13">
        <v>7115</v>
      </c>
      <c r="D30" s="19">
        <v>3868</v>
      </c>
      <c r="E30" s="19">
        <v>3247</v>
      </c>
      <c r="F30" s="19"/>
      <c r="G30" s="18" t="s">
        <v>58</v>
      </c>
      <c r="H30" s="17"/>
      <c r="I30" s="13">
        <v>12580</v>
      </c>
      <c r="J30" s="19">
        <v>5825</v>
      </c>
      <c r="K30" s="19">
        <v>6755</v>
      </c>
    </row>
    <row r="31" spans="1:11" ht="15" customHeight="1">
      <c r="A31" s="17" t="s">
        <v>59</v>
      </c>
      <c r="B31" s="17"/>
      <c r="C31" s="13">
        <v>6707</v>
      </c>
      <c r="D31" s="19">
        <v>3606</v>
      </c>
      <c r="E31" s="19">
        <v>3101</v>
      </c>
      <c r="F31" s="19"/>
      <c r="G31" s="18" t="s">
        <v>60</v>
      </c>
      <c r="H31" s="17"/>
      <c r="I31" s="13">
        <v>13149</v>
      </c>
      <c r="J31" s="19">
        <v>6108</v>
      </c>
      <c r="K31" s="19">
        <v>7041</v>
      </c>
    </row>
    <row r="32" spans="1:11" ht="15" customHeight="1">
      <c r="A32" s="17" t="s">
        <v>61</v>
      </c>
      <c r="B32" s="17"/>
      <c r="C32" s="13">
        <v>6467</v>
      </c>
      <c r="D32" s="19">
        <v>3461</v>
      </c>
      <c r="E32" s="19">
        <v>3006</v>
      </c>
      <c r="F32" s="19"/>
      <c r="G32" s="18" t="s">
        <v>62</v>
      </c>
      <c r="H32" s="17"/>
      <c r="I32" s="13">
        <v>9063</v>
      </c>
      <c r="J32" s="19">
        <v>4073</v>
      </c>
      <c r="K32" s="19">
        <v>4990</v>
      </c>
    </row>
    <row r="33" spans="1:11" ht="15" customHeight="1">
      <c r="A33" s="17" t="s">
        <v>63</v>
      </c>
      <c r="B33" s="17"/>
      <c r="C33" s="13">
        <v>5889</v>
      </c>
      <c r="D33" s="19">
        <v>3118</v>
      </c>
      <c r="E33" s="19">
        <v>2771</v>
      </c>
      <c r="F33" s="19"/>
      <c r="G33" s="18" t="s">
        <v>64</v>
      </c>
      <c r="H33" s="17"/>
      <c r="I33" s="13">
        <v>7997</v>
      </c>
      <c r="J33" s="19">
        <v>3556</v>
      </c>
      <c r="K33" s="19">
        <v>4441</v>
      </c>
    </row>
    <row r="34" spans="1:11" ht="15" customHeight="1">
      <c r="A34" s="17" t="s">
        <v>65</v>
      </c>
      <c r="B34" s="17"/>
      <c r="C34" s="13">
        <v>5862</v>
      </c>
      <c r="D34" s="19">
        <v>3017</v>
      </c>
      <c r="E34" s="19">
        <v>2845</v>
      </c>
      <c r="F34" s="19"/>
      <c r="G34" s="18" t="s">
        <v>66</v>
      </c>
      <c r="H34" s="17"/>
      <c r="I34" s="13">
        <v>10135</v>
      </c>
      <c r="J34" s="19">
        <v>4553</v>
      </c>
      <c r="K34" s="19">
        <v>5582</v>
      </c>
    </row>
    <row r="35" spans="1:11" ht="20.100000000000001" customHeight="1">
      <c r="A35" s="17" t="s">
        <v>67</v>
      </c>
      <c r="B35" s="17"/>
      <c r="C35" s="13">
        <v>27391</v>
      </c>
      <c r="D35" s="14">
        <v>14482</v>
      </c>
      <c r="E35" s="14">
        <v>12909</v>
      </c>
      <c r="F35" s="14"/>
      <c r="G35" s="18" t="s">
        <v>68</v>
      </c>
      <c r="H35" s="17"/>
      <c r="I35" s="13">
        <v>47574</v>
      </c>
      <c r="J35" s="14">
        <v>21302</v>
      </c>
      <c r="K35" s="14">
        <v>26272</v>
      </c>
    </row>
    <row r="36" spans="1:11" ht="15" customHeight="1">
      <c r="A36" s="17" t="s">
        <v>69</v>
      </c>
      <c r="B36" s="17"/>
      <c r="C36" s="13">
        <v>5760</v>
      </c>
      <c r="D36" s="19">
        <v>3110</v>
      </c>
      <c r="E36" s="19">
        <v>2650</v>
      </c>
      <c r="F36" s="19"/>
      <c r="G36" s="18" t="s">
        <v>70</v>
      </c>
      <c r="H36" s="17"/>
      <c r="I36" s="13">
        <v>10552</v>
      </c>
      <c r="J36" s="19">
        <v>4781</v>
      </c>
      <c r="K36" s="19">
        <v>5771</v>
      </c>
    </row>
    <row r="37" spans="1:11" ht="15" customHeight="1">
      <c r="A37" s="17" t="s">
        <v>71</v>
      </c>
      <c r="B37" s="17"/>
      <c r="C37" s="13">
        <v>5351</v>
      </c>
      <c r="D37" s="19">
        <v>2858</v>
      </c>
      <c r="E37" s="19">
        <v>2493</v>
      </c>
      <c r="F37" s="19"/>
      <c r="G37" s="18" t="s">
        <v>72</v>
      </c>
      <c r="H37" s="17"/>
      <c r="I37" s="13">
        <v>10158</v>
      </c>
      <c r="J37" s="19">
        <v>4629</v>
      </c>
      <c r="K37" s="19">
        <v>5529</v>
      </c>
    </row>
    <row r="38" spans="1:11" ht="15" customHeight="1">
      <c r="A38" s="17" t="s">
        <v>73</v>
      </c>
      <c r="B38" s="17"/>
      <c r="C38" s="13">
        <v>5444</v>
      </c>
      <c r="D38" s="19">
        <v>2867</v>
      </c>
      <c r="E38" s="19">
        <v>2577</v>
      </c>
      <c r="F38" s="19"/>
      <c r="G38" s="18" t="s">
        <v>74</v>
      </c>
      <c r="H38" s="17"/>
      <c r="I38" s="13">
        <v>10202</v>
      </c>
      <c r="J38" s="19">
        <v>4547</v>
      </c>
      <c r="K38" s="19">
        <v>5655</v>
      </c>
    </row>
    <row r="39" spans="1:11" ht="15" customHeight="1">
      <c r="A39" s="17" t="s">
        <v>75</v>
      </c>
      <c r="B39" s="17"/>
      <c r="C39" s="13">
        <v>5286</v>
      </c>
      <c r="D39" s="19">
        <v>2750</v>
      </c>
      <c r="E39" s="19">
        <v>2536</v>
      </c>
      <c r="F39" s="19"/>
      <c r="G39" s="18" t="s">
        <v>76</v>
      </c>
      <c r="H39" s="17"/>
      <c r="I39" s="13">
        <v>8918</v>
      </c>
      <c r="J39" s="19">
        <v>3907</v>
      </c>
      <c r="K39" s="19">
        <v>5011</v>
      </c>
    </row>
    <row r="40" spans="1:11" ht="15" customHeight="1">
      <c r="A40" s="17" t="s">
        <v>77</v>
      </c>
      <c r="B40" s="17"/>
      <c r="C40" s="13">
        <v>5550</v>
      </c>
      <c r="D40" s="19">
        <v>2897</v>
      </c>
      <c r="E40" s="19">
        <v>2653</v>
      </c>
      <c r="F40" s="19"/>
      <c r="G40" s="18" t="s">
        <v>78</v>
      </c>
      <c r="H40" s="17"/>
      <c r="I40" s="13">
        <v>7744</v>
      </c>
      <c r="J40" s="19">
        <v>3438</v>
      </c>
      <c r="K40" s="19">
        <v>4306</v>
      </c>
    </row>
    <row r="41" spans="1:11" ht="20.100000000000001" customHeight="1">
      <c r="A41" s="17" t="s">
        <v>79</v>
      </c>
      <c r="B41" s="17"/>
      <c r="C41" s="13">
        <v>30327</v>
      </c>
      <c r="D41" s="14">
        <v>15700</v>
      </c>
      <c r="E41" s="14">
        <v>14627</v>
      </c>
      <c r="F41" s="14"/>
      <c r="G41" s="18" t="s">
        <v>80</v>
      </c>
      <c r="H41" s="17"/>
      <c r="I41" s="13">
        <v>34888</v>
      </c>
      <c r="J41" s="14">
        <v>14868</v>
      </c>
      <c r="K41" s="14">
        <v>20020</v>
      </c>
    </row>
    <row r="42" spans="1:11" ht="15" customHeight="1">
      <c r="A42" s="17" t="s">
        <v>81</v>
      </c>
      <c r="B42" s="17"/>
      <c r="C42" s="13">
        <v>5793</v>
      </c>
      <c r="D42" s="19">
        <v>3038</v>
      </c>
      <c r="E42" s="19">
        <v>2755</v>
      </c>
      <c r="F42" s="19"/>
      <c r="G42" s="18" t="s">
        <v>82</v>
      </c>
      <c r="H42" s="17"/>
      <c r="I42" s="13">
        <v>7166</v>
      </c>
      <c r="J42" s="19">
        <v>3136</v>
      </c>
      <c r="K42" s="19">
        <v>4030</v>
      </c>
    </row>
    <row r="43" spans="1:11" ht="15" customHeight="1">
      <c r="A43" s="17" t="s">
        <v>83</v>
      </c>
      <c r="B43" s="17"/>
      <c r="C43" s="13">
        <v>5842</v>
      </c>
      <c r="D43" s="19">
        <v>3030</v>
      </c>
      <c r="E43" s="19">
        <v>2812</v>
      </c>
      <c r="F43" s="19"/>
      <c r="G43" s="18" t="s">
        <v>84</v>
      </c>
      <c r="H43" s="17"/>
      <c r="I43" s="13">
        <v>7643</v>
      </c>
      <c r="J43" s="19">
        <v>3338</v>
      </c>
      <c r="K43" s="19">
        <v>4305</v>
      </c>
    </row>
    <row r="44" spans="1:11" ht="15" customHeight="1">
      <c r="A44" s="17" t="s">
        <v>85</v>
      </c>
      <c r="B44" s="17"/>
      <c r="C44" s="13">
        <v>5973</v>
      </c>
      <c r="D44" s="19">
        <v>3117</v>
      </c>
      <c r="E44" s="19">
        <v>2856</v>
      </c>
      <c r="F44" s="19"/>
      <c r="G44" s="18" t="s">
        <v>86</v>
      </c>
      <c r="H44" s="17"/>
      <c r="I44" s="13">
        <v>6992</v>
      </c>
      <c r="J44" s="19">
        <v>2970</v>
      </c>
      <c r="K44" s="19">
        <v>4022</v>
      </c>
    </row>
    <row r="45" spans="1:11" ht="15" customHeight="1">
      <c r="A45" s="17" t="s">
        <v>87</v>
      </c>
      <c r="B45" s="17"/>
      <c r="C45" s="13">
        <v>6232</v>
      </c>
      <c r="D45" s="19">
        <v>3160</v>
      </c>
      <c r="E45" s="19">
        <v>3072</v>
      </c>
      <c r="F45" s="19"/>
      <c r="G45" s="18" t="s">
        <v>88</v>
      </c>
      <c r="H45" s="17"/>
      <c r="I45" s="13">
        <v>7113</v>
      </c>
      <c r="J45" s="19">
        <v>2982</v>
      </c>
      <c r="K45" s="19">
        <v>4131</v>
      </c>
    </row>
    <row r="46" spans="1:11" ht="15" customHeight="1">
      <c r="A46" s="17" t="s">
        <v>89</v>
      </c>
      <c r="B46" s="17"/>
      <c r="C46" s="13">
        <v>6487</v>
      </c>
      <c r="D46" s="19">
        <v>3355</v>
      </c>
      <c r="E46" s="19">
        <v>3132</v>
      </c>
      <c r="F46" s="19"/>
      <c r="G46" s="18" t="s">
        <v>90</v>
      </c>
      <c r="H46" s="17"/>
      <c r="I46" s="13">
        <v>5974</v>
      </c>
      <c r="J46" s="19">
        <v>2442</v>
      </c>
      <c r="K46" s="19">
        <v>3532</v>
      </c>
    </row>
    <row r="47" spans="1:11" ht="20.100000000000001" customHeight="1">
      <c r="A47" s="17" t="s">
        <v>91</v>
      </c>
      <c r="B47" s="17"/>
      <c r="C47" s="13">
        <v>36370</v>
      </c>
      <c r="D47" s="14">
        <v>18353</v>
      </c>
      <c r="E47" s="14">
        <v>18017</v>
      </c>
      <c r="F47" s="14"/>
      <c r="G47" s="18" t="s">
        <v>92</v>
      </c>
      <c r="H47" s="17"/>
      <c r="I47" s="13">
        <v>22464</v>
      </c>
      <c r="J47" s="14">
        <v>8397</v>
      </c>
      <c r="K47" s="14">
        <v>14067</v>
      </c>
    </row>
    <row r="48" spans="1:11" ht="15" customHeight="1">
      <c r="A48" s="17" t="s">
        <v>93</v>
      </c>
      <c r="B48" s="17"/>
      <c r="C48" s="13">
        <v>6770</v>
      </c>
      <c r="D48" s="19">
        <v>3429</v>
      </c>
      <c r="E48" s="19">
        <v>3341</v>
      </c>
      <c r="F48" s="19"/>
      <c r="G48" s="18" t="s">
        <v>94</v>
      </c>
      <c r="H48" s="17"/>
      <c r="I48" s="13">
        <v>5801</v>
      </c>
      <c r="J48" s="19">
        <v>2358</v>
      </c>
      <c r="K48" s="19">
        <v>3443</v>
      </c>
    </row>
    <row r="49" spans="1:11" ht="15" customHeight="1">
      <c r="A49" s="17" t="s">
        <v>95</v>
      </c>
      <c r="B49" s="17"/>
      <c r="C49" s="13">
        <v>6923</v>
      </c>
      <c r="D49" s="19">
        <v>3571</v>
      </c>
      <c r="E49" s="19">
        <v>3352</v>
      </c>
      <c r="F49" s="19"/>
      <c r="G49" s="18" t="s">
        <v>96</v>
      </c>
      <c r="H49" s="17"/>
      <c r="I49" s="13">
        <v>4977</v>
      </c>
      <c r="J49" s="19">
        <v>1936</v>
      </c>
      <c r="K49" s="19">
        <v>3041</v>
      </c>
    </row>
    <row r="50" spans="1:11" ht="15" customHeight="1">
      <c r="A50" s="17" t="s">
        <v>97</v>
      </c>
      <c r="B50" s="17"/>
      <c r="C50" s="13">
        <v>7030</v>
      </c>
      <c r="D50" s="19">
        <v>3506</v>
      </c>
      <c r="E50" s="19">
        <v>3524</v>
      </c>
      <c r="F50" s="19"/>
      <c r="G50" s="18" t="s">
        <v>98</v>
      </c>
      <c r="H50" s="17"/>
      <c r="I50" s="13">
        <v>4423</v>
      </c>
      <c r="J50" s="19">
        <v>1598</v>
      </c>
      <c r="K50" s="19">
        <v>2825</v>
      </c>
    </row>
    <row r="51" spans="1:11" ht="15" customHeight="1">
      <c r="A51" s="17" t="s">
        <v>99</v>
      </c>
      <c r="B51" s="17"/>
      <c r="C51" s="13">
        <v>7498</v>
      </c>
      <c r="D51" s="19">
        <v>3701</v>
      </c>
      <c r="E51" s="19">
        <v>3797</v>
      </c>
      <c r="F51" s="19"/>
      <c r="G51" s="18" t="s">
        <v>100</v>
      </c>
      <c r="H51" s="17"/>
      <c r="I51" s="13">
        <v>3923</v>
      </c>
      <c r="J51" s="19">
        <v>1424</v>
      </c>
      <c r="K51" s="19">
        <v>2499</v>
      </c>
    </row>
    <row r="52" spans="1:11" ht="15" customHeight="1">
      <c r="A52" s="17" t="s">
        <v>101</v>
      </c>
      <c r="B52" s="17"/>
      <c r="C52" s="13">
        <v>8149</v>
      </c>
      <c r="D52" s="19">
        <v>4146</v>
      </c>
      <c r="E52" s="19">
        <v>4003</v>
      </c>
      <c r="F52" s="19"/>
      <c r="G52" s="18" t="s">
        <v>102</v>
      </c>
      <c r="H52" s="17"/>
      <c r="I52" s="13">
        <v>3340</v>
      </c>
      <c r="J52" s="19">
        <v>1081</v>
      </c>
      <c r="K52" s="19">
        <v>2259</v>
      </c>
    </row>
    <row r="53" spans="1:11" ht="20.100000000000001" customHeight="1">
      <c r="A53" s="17" t="s">
        <v>103</v>
      </c>
      <c r="B53" s="17"/>
      <c r="C53" s="13">
        <v>47929</v>
      </c>
      <c r="D53" s="14">
        <v>24168</v>
      </c>
      <c r="E53" s="14">
        <v>23761</v>
      </c>
      <c r="F53" s="14"/>
      <c r="G53" s="18" t="s">
        <v>104</v>
      </c>
      <c r="H53" s="17"/>
      <c r="I53" s="13">
        <v>10489</v>
      </c>
      <c r="J53" s="14">
        <v>3049</v>
      </c>
      <c r="K53" s="14">
        <v>7440</v>
      </c>
    </row>
    <row r="54" spans="1:11" ht="15" customHeight="1">
      <c r="A54" s="17" t="s">
        <v>105</v>
      </c>
      <c r="B54" s="17"/>
      <c r="C54" s="13">
        <v>8482</v>
      </c>
      <c r="D54" s="19">
        <v>4247</v>
      </c>
      <c r="E54" s="19">
        <v>4235</v>
      </c>
      <c r="F54" s="19"/>
      <c r="G54" s="18" t="s">
        <v>106</v>
      </c>
      <c r="H54" s="17"/>
      <c r="I54" s="13">
        <v>2940</v>
      </c>
      <c r="J54" s="19">
        <v>916</v>
      </c>
      <c r="K54" s="19">
        <v>2024</v>
      </c>
    </row>
    <row r="55" spans="1:11" ht="15" customHeight="1">
      <c r="A55" s="17" t="s">
        <v>107</v>
      </c>
      <c r="B55" s="17"/>
      <c r="C55" s="13">
        <v>8987</v>
      </c>
      <c r="D55" s="19">
        <v>4560</v>
      </c>
      <c r="E55" s="19">
        <v>4427</v>
      </c>
      <c r="F55" s="19"/>
      <c r="G55" s="18" t="s">
        <v>108</v>
      </c>
      <c r="H55" s="17"/>
      <c r="I55" s="13">
        <v>2567</v>
      </c>
      <c r="J55" s="19">
        <v>789</v>
      </c>
      <c r="K55" s="19">
        <v>1778</v>
      </c>
    </row>
    <row r="56" spans="1:11" ht="15" customHeight="1">
      <c r="A56" s="17" t="s">
        <v>109</v>
      </c>
      <c r="B56" s="17"/>
      <c r="C56" s="13">
        <v>9610</v>
      </c>
      <c r="D56" s="19">
        <v>4845</v>
      </c>
      <c r="E56" s="19">
        <v>4765</v>
      </c>
      <c r="F56" s="19"/>
      <c r="G56" s="18" t="s">
        <v>110</v>
      </c>
      <c r="H56" s="17"/>
      <c r="I56" s="13">
        <v>1958</v>
      </c>
      <c r="J56" s="19">
        <v>616</v>
      </c>
      <c r="K56" s="19">
        <v>1342</v>
      </c>
    </row>
    <row r="57" spans="1:11" ht="15" customHeight="1">
      <c r="A57" s="17" t="s">
        <v>111</v>
      </c>
      <c r="B57" s="17"/>
      <c r="C57" s="13">
        <v>10107</v>
      </c>
      <c r="D57" s="19">
        <v>5080</v>
      </c>
      <c r="E57" s="19">
        <v>5027</v>
      </c>
      <c r="F57" s="19"/>
      <c r="G57" s="18" t="s">
        <v>112</v>
      </c>
      <c r="H57" s="17"/>
      <c r="I57" s="13">
        <v>1772</v>
      </c>
      <c r="J57" s="19">
        <v>450</v>
      </c>
      <c r="K57" s="19">
        <v>1322</v>
      </c>
    </row>
    <row r="58" spans="1:11" ht="15" customHeight="1">
      <c r="A58" s="17" t="s">
        <v>113</v>
      </c>
      <c r="B58" s="17"/>
      <c r="C58" s="13">
        <v>10743</v>
      </c>
      <c r="D58" s="19">
        <v>5436</v>
      </c>
      <c r="E58" s="19">
        <v>5307</v>
      </c>
      <c r="F58" s="19"/>
      <c r="G58" s="18" t="s">
        <v>114</v>
      </c>
      <c r="H58" s="17"/>
      <c r="I58" s="13">
        <v>1252</v>
      </c>
      <c r="J58" s="19">
        <v>278</v>
      </c>
      <c r="K58" s="19">
        <v>974</v>
      </c>
    </row>
    <row r="59" spans="1:11" ht="20.100000000000001" customHeight="1">
      <c r="A59" s="17" t="s">
        <v>115</v>
      </c>
      <c r="B59" s="17"/>
      <c r="C59" s="13">
        <v>57438</v>
      </c>
      <c r="D59" s="14">
        <v>28911</v>
      </c>
      <c r="E59" s="14">
        <v>28527</v>
      </c>
      <c r="F59" s="14"/>
      <c r="G59" s="18" t="s">
        <v>116</v>
      </c>
      <c r="H59" s="17"/>
      <c r="I59" s="13">
        <v>2874</v>
      </c>
      <c r="J59" s="14">
        <v>610</v>
      </c>
      <c r="K59" s="14">
        <v>2264</v>
      </c>
    </row>
    <row r="60" spans="1:11" ht="15" customHeight="1">
      <c r="A60" s="17" t="s">
        <v>117</v>
      </c>
      <c r="B60" s="17"/>
      <c r="C60" s="13">
        <v>11608</v>
      </c>
      <c r="D60" s="19">
        <v>5830</v>
      </c>
      <c r="E60" s="19">
        <v>5778</v>
      </c>
      <c r="F60" s="19"/>
      <c r="G60" s="18" t="s">
        <v>118</v>
      </c>
      <c r="H60" s="17"/>
      <c r="I60" s="13">
        <v>979</v>
      </c>
      <c r="J60" s="19">
        <v>247</v>
      </c>
      <c r="K60" s="19">
        <v>732</v>
      </c>
    </row>
    <row r="61" spans="1:11" ht="15" customHeight="1">
      <c r="A61" s="17" t="s">
        <v>119</v>
      </c>
      <c r="B61" s="17"/>
      <c r="C61" s="13">
        <v>11721</v>
      </c>
      <c r="D61" s="19">
        <v>5880</v>
      </c>
      <c r="E61" s="19">
        <v>5841</v>
      </c>
      <c r="F61" s="19"/>
      <c r="G61" s="18" t="s">
        <v>120</v>
      </c>
      <c r="H61" s="17"/>
      <c r="I61" s="13">
        <v>737</v>
      </c>
      <c r="J61" s="19">
        <v>178</v>
      </c>
      <c r="K61" s="19">
        <v>559</v>
      </c>
    </row>
    <row r="62" spans="1:11" ht="15" customHeight="1">
      <c r="A62" s="17" t="s">
        <v>121</v>
      </c>
      <c r="B62" s="17"/>
      <c r="C62" s="13">
        <v>11709</v>
      </c>
      <c r="D62" s="19">
        <v>5884</v>
      </c>
      <c r="E62" s="19">
        <v>5825</v>
      </c>
      <c r="F62" s="19"/>
      <c r="G62" s="18" t="s">
        <v>122</v>
      </c>
      <c r="H62" s="17"/>
      <c r="I62" s="13">
        <v>503</v>
      </c>
      <c r="J62" s="19">
        <v>80</v>
      </c>
      <c r="K62" s="19">
        <v>423</v>
      </c>
    </row>
    <row r="63" spans="1:11" ht="15" customHeight="1">
      <c r="A63" s="17" t="s">
        <v>123</v>
      </c>
      <c r="B63" s="17"/>
      <c r="C63" s="13">
        <v>11402</v>
      </c>
      <c r="D63" s="19">
        <v>5743</v>
      </c>
      <c r="E63" s="19">
        <v>5659</v>
      </c>
      <c r="F63" s="19"/>
      <c r="G63" s="18" t="s">
        <v>124</v>
      </c>
      <c r="H63" s="17"/>
      <c r="I63" s="13">
        <v>370</v>
      </c>
      <c r="J63" s="19">
        <v>61</v>
      </c>
      <c r="K63" s="19">
        <v>309</v>
      </c>
    </row>
    <row r="64" spans="1:11" ht="15" customHeight="1">
      <c r="A64" s="17" t="s">
        <v>125</v>
      </c>
      <c r="B64" s="17"/>
      <c r="C64" s="13">
        <v>10998</v>
      </c>
      <c r="D64" s="19">
        <v>5574</v>
      </c>
      <c r="E64" s="19">
        <v>5424</v>
      </c>
      <c r="F64" s="19"/>
      <c r="G64" s="18" t="s">
        <v>126</v>
      </c>
      <c r="H64" s="17"/>
      <c r="I64" s="13">
        <v>285</v>
      </c>
      <c r="J64" s="19">
        <v>44</v>
      </c>
      <c r="K64" s="19">
        <v>24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70</v>
      </c>
      <c r="J65" s="19">
        <v>89</v>
      </c>
      <c r="K65" s="19">
        <v>48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679</v>
      </c>
      <c r="J66" s="29">
        <v>1624</v>
      </c>
      <c r="K66" s="29">
        <v>1055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89" pageOrder="overThenDown" orientation="portrait" blackAndWhite="1" useFirstPageNumber="1" horizontalDpi="300" verticalDpi="300"/>
  <headerFooter scaleWithDoc="0"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33" t="s">
        <v>4</v>
      </c>
      <c r="D3" s="33" t="s">
        <v>5</v>
      </c>
      <c r="E3" s="33" t="s">
        <v>6</v>
      </c>
      <c r="F3" s="34"/>
      <c r="G3" s="11" t="s">
        <v>3</v>
      </c>
      <c r="H3" s="9"/>
      <c r="I3" s="33" t="s">
        <v>4</v>
      </c>
      <c r="J3" s="33" t="s">
        <v>5</v>
      </c>
      <c r="K3" s="33" t="s">
        <v>6</v>
      </c>
    </row>
    <row r="4" spans="1:11" ht="20.100000000000001" customHeight="1">
      <c r="A4" s="35" t="s">
        <v>4</v>
      </c>
      <c r="B4" s="35"/>
      <c r="C4" s="36">
        <v>291191</v>
      </c>
      <c r="D4" s="37">
        <v>150293</v>
      </c>
      <c r="E4" s="37">
        <v>140898</v>
      </c>
      <c r="F4" s="37"/>
      <c r="G4" s="15"/>
      <c r="H4" s="12"/>
      <c r="I4" s="38"/>
      <c r="J4" s="35"/>
      <c r="K4" s="35"/>
    </row>
    <row r="5" spans="1:11" ht="20.100000000000001" customHeight="1">
      <c r="A5" s="17" t="s">
        <v>7</v>
      </c>
      <c r="B5" s="17"/>
      <c r="C5" s="36">
        <v>12835</v>
      </c>
      <c r="D5" s="37">
        <v>6556</v>
      </c>
      <c r="E5" s="37">
        <v>6279</v>
      </c>
      <c r="F5" s="37"/>
      <c r="G5" s="18" t="s">
        <v>8</v>
      </c>
      <c r="H5" s="17"/>
      <c r="I5" s="36">
        <v>21226</v>
      </c>
      <c r="J5" s="37">
        <v>11603</v>
      </c>
      <c r="K5" s="37">
        <v>9623</v>
      </c>
    </row>
    <row r="6" spans="1:11" ht="15" customHeight="1">
      <c r="A6" s="17" t="s">
        <v>9</v>
      </c>
      <c r="B6" s="17"/>
      <c r="C6" s="36">
        <v>2493</v>
      </c>
      <c r="D6" s="19">
        <v>1262</v>
      </c>
      <c r="E6" s="19">
        <v>1231</v>
      </c>
      <c r="F6" s="19"/>
      <c r="G6" s="18" t="s">
        <v>10</v>
      </c>
      <c r="H6" s="17"/>
      <c r="I6" s="36">
        <v>4741</v>
      </c>
      <c r="J6" s="19">
        <v>2631</v>
      </c>
      <c r="K6" s="19">
        <v>2110</v>
      </c>
    </row>
    <row r="7" spans="1:11" ht="15" customHeight="1">
      <c r="A7" s="17" t="s">
        <v>11</v>
      </c>
      <c r="B7" s="17"/>
      <c r="C7" s="36">
        <v>2516</v>
      </c>
      <c r="D7" s="19">
        <v>1319</v>
      </c>
      <c r="E7" s="19">
        <v>1197</v>
      </c>
      <c r="F7" s="19"/>
      <c r="G7" s="18" t="s">
        <v>12</v>
      </c>
      <c r="H7" s="17"/>
      <c r="I7" s="36">
        <v>4889</v>
      </c>
      <c r="J7" s="19">
        <v>2632</v>
      </c>
      <c r="K7" s="19">
        <v>2257</v>
      </c>
    </row>
    <row r="8" spans="1:11" ht="15" customHeight="1">
      <c r="A8" s="17" t="s">
        <v>13</v>
      </c>
      <c r="B8" s="17"/>
      <c r="C8" s="36">
        <v>2617</v>
      </c>
      <c r="D8" s="19">
        <v>1326</v>
      </c>
      <c r="E8" s="19">
        <v>1291</v>
      </c>
      <c r="F8" s="19"/>
      <c r="G8" s="18" t="s">
        <v>14</v>
      </c>
      <c r="H8" s="17"/>
      <c r="I8" s="36">
        <v>3371</v>
      </c>
      <c r="J8" s="19">
        <v>1834</v>
      </c>
      <c r="K8" s="19">
        <v>1537</v>
      </c>
    </row>
    <row r="9" spans="1:11" ht="15" customHeight="1">
      <c r="A9" s="17" t="s">
        <v>15</v>
      </c>
      <c r="B9" s="17"/>
      <c r="C9" s="36">
        <v>2613</v>
      </c>
      <c r="D9" s="19">
        <v>1301</v>
      </c>
      <c r="E9" s="19">
        <v>1312</v>
      </c>
      <c r="F9" s="19"/>
      <c r="G9" s="18" t="s">
        <v>16</v>
      </c>
      <c r="H9" s="17"/>
      <c r="I9" s="36">
        <v>4232</v>
      </c>
      <c r="J9" s="19">
        <v>2359</v>
      </c>
      <c r="K9" s="19">
        <v>1873</v>
      </c>
    </row>
    <row r="10" spans="1:11" ht="15" customHeight="1">
      <c r="A10" s="17" t="s">
        <v>17</v>
      </c>
      <c r="B10" s="17"/>
      <c r="C10" s="36">
        <v>2596</v>
      </c>
      <c r="D10" s="19">
        <v>1348</v>
      </c>
      <c r="E10" s="19">
        <v>1248</v>
      </c>
      <c r="F10" s="19"/>
      <c r="G10" s="18" t="s">
        <v>18</v>
      </c>
      <c r="H10" s="17"/>
      <c r="I10" s="36">
        <v>3993</v>
      </c>
      <c r="J10" s="19">
        <v>2147</v>
      </c>
      <c r="K10" s="19">
        <v>1846</v>
      </c>
    </row>
    <row r="11" spans="1:11" ht="20.100000000000001" customHeight="1">
      <c r="A11" s="17" t="s">
        <v>19</v>
      </c>
      <c r="B11" s="17"/>
      <c r="C11" s="36">
        <v>12583</v>
      </c>
      <c r="D11" s="37">
        <v>6473</v>
      </c>
      <c r="E11" s="37">
        <v>6110</v>
      </c>
      <c r="F11" s="37"/>
      <c r="G11" s="39" t="s">
        <v>20</v>
      </c>
      <c r="H11" s="40"/>
      <c r="I11" s="36">
        <v>17325</v>
      </c>
      <c r="J11" s="37">
        <v>9406</v>
      </c>
      <c r="K11" s="37">
        <v>7919</v>
      </c>
    </row>
    <row r="12" spans="1:11" ht="15" customHeight="1">
      <c r="A12" s="17" t="s">
        <v>21</v>
      </c>
      <c r="B12" s="17"/>
      <c r="C12" s="36">
        <v>2516</v>
      </c>
      <c r="D12" s="19">
        <v>1302</v>
      </c>
      <c r="E12" s="19">
        <v>1214</v>
      </c>
      <c r="F12" s="19"/>
      <c r="G12" s="18" t="s">
        <v>22</v>
      </c>
      <c r="H12" s="17"/>
      <c r="I12" s="36">
        <v>3707</v>
      </c>
      <c r="J12" s="19">
        <v>2001</v>
      </c>
      <c r="K12" s="19">
        <v>1706</v>
      </c>
    </row>
    <row r="13" spans="1:11" ht="15" customHeight="1">
      <c r="A13" s="17" t="s">
        <v>23</v>
      </c>
      <c r="B13" s="17"/>
      <c r="C13" s="36">
        <v>2600</v>
      </c>
      <c r="D13" s="19">
        <v>1355</v>
      </c>
      <c r="E13" s="19">
        <v>1245</v>
      </c>
      <c r="F13" s="19"/>
      <c r="G13" s="18" t="s">
        <v>24</v>
      </c>
      <c r="H13" s="17"/>
      <c r="I13" s="36">
        <v>3685</v>
      </c>
      <c r="J13" s="19">
        <v>2043</v>
      </c>
      <c r="K13" s="19">
        <v>1642</v>
      </c>
    </row>
    <row r="14" spans="1:11" ht="15" customHeight="1">
      <c r="A14" s="17" t="s">
        <v>25</v>
      </c>
      <c r="B14" s="17"/>
      <c r="C14" s="36">
        <v>2553</v>
      </c>
      <c r="D14" s="19">
        <v>1313</v>
      </c>
      <c r="E14" s="19">
        <v>1240</v>
      </c>
      <c r="F14" s="19"/>
      <c r="G14" s="18" t="s">
        <v>26</v>
      </c>
      <c r="H14" s="17"/>
      <c r="I14" s="36">
        <v>3385</v>
      </c>
      <c r="J14" s="19">
        <v>1821</v>
      </c>
      <c r="K14" s="19">
        <v>1564</v>
      </c>
    </row>
    <row r="15" spans="1:11" ht="15" customHeight="1">
      <c r="A15" s="17" t="s">
        <v>27</v>
      </c>
      <c r="B15" s="17"/>
      <c r="C15" s="36">
        <v>2458</v>
      </c>
      <c r="D15" s="19">
        <v>1222</v>
      </c>
      <c r="E15" s="19">
        <v>1236</v>
      </c>
      <c r="F15" s="19"/>
      <c r="G15" s="18" t="s">
        <v>28</v>
      </c>
      <c r="H15" s="17"/>
      <c r="I15" s="36">
        <v>3345</v>
      </c>
      <c r="J15" s="19">
        <v>1799</v>
      </c>
      <c r="K15" s="19">
        <v>1546</v>
      </c>
    </row>
    <row r="16" spans="1:11" ht="15" customHeight="1">
      <c r="A16" s="17" t="s">
        <v>29</v>
      </c>
      <c r="B16" s="17"/>
      <c r="C16" s="36">
        <v>2456</v>
      </c>
      <c r="D16" s="19">
        <v>1281</v>
      </c>
      <c r="E16" s="19">
        <v>1175</v>
      </c>
      <c r="F16" s="19"/>
      <c r="G16" s="18" t="s">
        <v>30</v>
      </c>
      <c r="H16" s="17"/>
      <c r="I16" s="36">
        <v>3203</v>
      </c>
      <c r="J16" s="19">
        <v>1742</v>
      </c>
      <c r="K16" s="19">
        <v>1461</v>
      </c>
    </row>
    <row r="17" spans="1:11" ht="20.100000000000001" customHeight="1">
      <c r="A17" s="20" t="s">
        <v>31</v>
      </c>
      <c r="B17" s="20"/>
      <c r="C17" s="36">
        <v>11897</v>
      </c>
      <c r="D17" s="37">
        <v>6116</v>
      </c>
      <c r="E17" s="37">
        <v>5781</v>
      </c>
      <c r="F17" s="37"/>
      <c r="G17" s="39" t="s">
        <v>32</v>
      </c>
      <c r="H17" s="40"/>
      <c r="I17" s="36">
        <v>15112</v>
      </c>
      <c r="J17" s="37">
        <v>7938</v>
      </c>
      <c r="K17" s="37">
        <v>7174</v>
      </c>
    </row>
    <row r="18" spans="1:11" ht="15" customHeight="1">
      <c r="A18" s="17" t="s">
        <v>33</v>
      </c>
      <c r="B18" s="17"/>
      <c r="C18" s="36">
        <v>2496</v>
      </c>
      <c r="D18" s="19">
        <v>1288</v>
      </c>
      <c r="E18" s="19">
        <v>1208</v>
      </c>
      <c r="F18" s="19"/>
      <c r="G18" s="18" t="s">
        <v>34</v>
      </c>
      <c r="H18" s="17"/>
      <c r="I18" s="36">
        <v>3149</v>
      </c>
      <c r="J18" s="19">
        <v>1648</v>
      </c>
      <c r="K18" s="19">
        <v>1501</v>
      </c>
    </row>
    <row r="19" spans="1:11" ht="15" customHeight="1">
      <c r="A19" s="17" t="s">
        <v>35</v>
      </c>
      <c r="B19" s="17"/>
      <c r="C19" s="36">
        <v>2385</v>
      </c>
      <c r="D19" s="19">
        <v>1216</v>
      </c>
      <c r="E19" s="19">
        <v>1169</v>
      </c>
      <c r="F19" s="19"/>
      <c r="G19" s="18" t="s">
        <v>36</v>
      </c>
      <c r="H19" s="17"/>
      <c r="I19" s="36">
        <v>2881</v>
      </c>
      <c r="J19" s="19">
        <v>1495</v>
      </c>
      <c r="K19" s="19">
        <v>1386</v>
      </c>
    </row>
    <row r="20" spans="1:11" ht="15" customHeight="1">
      <c r="A20" s="17" t="s">
        <v>37</v>
      </c>
      <c r="B20" s="17"/>
      <c r="C20" s="36">
        <v>2431</v>
      </c>
      <c r="D20" s="19">
        <v>1292</v>
      </c>
      <c r="E20" s="19">
        <v>1139</v>
      </c>
      <c r="F20" s="19"/>
      <c r="G20" s="18" t="s">
        <v>38</v>
      </c>
      <c r="H20" s="17"/>
      <c r="I20" s="36">
        <v>3002</v>
      </c>
      <c r="J20" s="19">
        <v>1578</v>
      </c>
      <c r="K20" s="19">
        <v>1424</v>
      </c>
    </row>
    <row r="21" spans="1:11" ht="15" customHeight="1">
      <c r="A21" s="17" t="s">
        <v>39</v>
      </c>
      <c r="B21" s="17"/>
      <c r="C21" s="36">
        <v>2239</v>
      </c>
      <c r="D21" s="19">
        <v>1113</v>
      </c>
      <c r="E21" s="19">
        <v>1126</v>
      </c>
      <c r="F21" s="19"/>
      <c r="G21" s="18" t="s">
        <v>40</v>
      </c>
      <c r="H21" s="17"/>
      <c r="I21" s="36">
        <v>2998</v>
      </c>
      <c r="J21" s="19">
        <v>1584</v>
      </c>
      <c r="K21" s="19">
        <v>1414</v>
      </c>
    </row>
    <row r="22" spans="1:11" ht="15" customHeight="1">
      <c r="A22" s="17" t="s">
        <v>41</v>
      </c>
      <c r="B22" s="17"/>
      <c r="C22" s="36">
        <v>2346</v>
      </c>
      <c r="D22" s="19">
        <v>1207</v>
      </c>
      <c r="E22" s="19">
        <v>1139</v>
      </c>
      <c r="F22" s="19"/>
      <c r="G22" s="18" t="s">
        <v>42</v>
      </c>
      <c r="H22" s="17"/>
      <c r="I22" s="36">
        <v>3082</v>
      </c>
      <c r="J22" s="19">
        <v>1633</v>
      </c>
      <c r="K22" s="19">
        <v>1449</v>
      </c>
    </row>
    <row r="23" spans="1:11" ht="20.100000000000001" customHeight="1">
      <c r="A23" s="40" t="s">
        <v>43</v>
      </c>
      <c r="B23" s="40"/>
      <c r="C23" s="36">
        <v>12355</v>
      </c>
      <c r="D23" s="37">
        <v>6293</v>
      </c>
      <c r="E23" s="37">
        <v>6062</v>
      </c>
      <c r="F23" s="37"/>
      <c r="G23" s="39" t="s">
        <v>44</v>
      </c>
      <c r="H23" s="40"/>
      <c r="I23" s="36">
        <v>17106</v>
      </c>
      <c r="J23" s="37">
        <v>8874</v>
      </c>
      <c r="K23" s="37">
        <v>8232</v>
      </c>
    </row>
    <row r="24" spans="1:11" ht="15" customHeight="1">
      <c r="A24" s="17" t="s">
        <v>45</v>
      </c>
      <c r="B24" s="17"/>
      <c r="C24" s="36">
        <v>2344</v>
      </c>
      <c r="D24" s="19">
        <v>1217</v>
      </c>
      <c r="E24" s="19">
        <v>1127</v>
      </c>
      <c r="F24" s="19"/>
      <c r="G24" s="18" t="s">
        <v>46</v>
      </c>
      <c r="H24" s="17"/>
      <c r="I24" s="36">
        <v>3165</v>
      </c>
      <c r="J24" s="19">
        <v>1682</v>
      </c>
      <c r="K24" s="19">
        <v>1483</v>
      </c>
    </row>
    <row r="25" spans="1:11" ht="15" customHeight="1">
      <c r="A25" s="17" t="s">
        <v>47</v>
      </c>
      <c r="B25" s="17"/>
      <c r="C25" s="36">
        <v>2390</v>
      </c>
      <c r="D25" s="19">
        <v>1178</v>
      </c>
      <c r="E25" s="19">
        <v>1212</v>
      </c>
      <c r="F25" s="19"/>
      <c r="G25" s="18" t="s">
        <v>48</v>
      </c>
      <c r="H25" s="17"/>
      <c r="I25" s="36">
        <v>3161</v>
      </c>
      <c r="J25" s="19">
        <v>1587</v>
      </c>
      <c r="K25" s="19">
        <v>1574</v>
      </c>
    </row>
    <row r="26" spans="1:11">
      <c r="A26" s="17" t="s">
        <v>49</v>
      </c>
      <c r="B26" s="17"/>
      <c r="C26" s="36">
        <v>2402</v>
      </c>
      <c r="D26" s="19">
        <v>1229</v>
      </c>
      <c r="E26" s="19">
        <v>1173</v>
      </c>
      <c r="F26" s="19"/>
      <c r="G26" s="18" t="s">
        <v>50</v>
      </c>
      <c r="H26" s="17"/>
      <c r="I26" s="36">
        <v>3292</v>
      </c>
      <c r="J26" s="19">
        <v>1703</v>
      </c>
      <c r="K26" s="19">
        <v>1589</v>
      </c>
    </row>
    <row r="27" spans="1:11" ht="15" customHeight="1">
      <c r="A27" s="17" t="s">
        <v>51</v>
      </c>
      <c r="B27" s="17"/>
      <c r="C27" s="36">
        <v>2526</v>
      </c>
      <c r="D27" s="19">
        <v>1270</v>
      </c>
      <c r="E27" s="19">
        <v>1256</v>
      </c>
      <c r="F27" s="19"/>
      <c r="G27" s="18" t="s">
        <v>52</v>
      </c>
      <c r="H27" s="17"/>
      <c r="I27" s="36">
        <v>3532</v>
      </c>
      <c r="J27" s="19">
        <v>1817</v>
      </c>
      <c r="K27" s="19">
        <v>1715</v>
      </c>
    </row>
    <row r="28" spans="1:11" ht="15" customHeight="1">
      <c r="A28" s="17" t="s">
        <v>53</v>
      </c>
      <c r="B28" s="17"/>
      <c r="C28" s="36">
        <v>2693</v>
      </c>
      <c r="D28" s="19">
        <v>1399</v>
      </c>
      <c r="E28" s="19">
        <v>1294</v>
      </c>
      <c r="F28" s="19"/>
      <c r="G28" s="18" t="s">
        <v>54</v>
      </c>
      <c r="H28" s="17"/>
      <c r="I28" s="36">
        <v>3956</v>
      </c>
      <c r="J28" s="19">
        <v>2085</v>
      </c>
      <c r="K28" s="19">
        <v>1871</v>
      </c>
    </row>
    <row r="29" spans="1:11" ht="20.100000000000001" customHeight="1">
      <c r="A29" s="40" t="s">
        <v>55</v>
      </c>
      <c r="B29" s="40"/>
      <c r="C29" s="36">
        <v>15706</v>
      </c>
      <c r="D29" s="37">
        <v>8122</v>
      </c>
      <c r="E29" s="37">
        <v>7584</v>
      </c>
      <c r="F29" s="37"/>
      <c r="G29" s="39" t="s">
        <v>56</v>
      </c>
      <c r="H29" s="40"/>
      <c r="I29" s="36">
        <v>15353</v>
      </c>
      <c r="J29" s="37">
        <v>7540</v>
      </c>
      <c r="K29" s="37">
        <v>7813</v>
      </c>
    </row>
    <row r="30" spans="1:11" ht="15" customHeight="1">
      <c r="A30" s="17" t="s">
        <v>57</v>
      </c>
      <c r="B30" s="17"/>
      <c r="C30" s="36">
        <v>2711</v>
      </c>
      <c r="D30" s="19">
        <v>1367</v>
      </c>
      <c r="E30" s="19">
        <v>1344</v>
      </c>
      <c r="F30" s="19">
        <v>1344</v>
      </c>
      <c r="G30" s="18" t="s">
        <v>58</v>
      </c>
      <c r="H30" s="17"/>
      <c r="I30" s="36">
        <v>3991</v>
      </c>
      <c r="J30" s="19">
        <v>1982</v>
      </c>
      <c r="K30" s="19">
        <v>2009</v>
      </c>
    </row>
    <row r="31" spans="1:11" ht="15" customHeight="1">
      <c r="A31" s="17" t="s">
        <v>59</v>
      </c>
      <c r="B31" s="17"/>
      <c r="C31" s="36">
        <v>2916</v>
      </c>
      <c r="D31" s="19">
        <v>1491</v>
      </c>
      <c r="E31" s="19">
        <v>1425</v>
      </c>
      <c r="F31" s="19">
        <v>1425</v>
      </c>
      <c r="G31" s="18" t="s">
        <v>60</v>
      </c>
      <c r="H31" s="17"/>
      <c r="I31" s="36">
        <v>3713</v>
      </c>
      <c r="J31" s="19">
        <v>1822</v>
      </c>
      <c r="K31" s="19">
        <v>1891</v>
      </c>
    </row>
    <row r="32" spans="1:11" ht="15" customHeight="1">
      <c r="A32" s="17" t="s">
        <v>61</v>
      </c>
      <c r="B32" s="17"/>
      <c r="C32" s="36">
        <v>3060</v>
      </c>
      <c r="D32" s="19">
        <v>1595</v>
      </c>
      <c r="E32" s="19">
        <v>1465</v>
      </c>
      <c r="F32" s="19">
        <v>1465</v>
      </c>
      <c r="G32" s="18" t="s">
        <v>62</v>
      </c>
      <c r="H32" s="17"/>
      <c r="I32" s="36">
        <v>2502</v>
      </c>
      <c r="J32" s="19">
        <v>1192</v>
      </c>
      <c r="K32" s="19">
        <v>1310</v>
      </c>
    </row>
    <row r="33" spans="1:11" ht="15" customHeight="1">
      <c r="A33" s="17" t="s">
        <v>63</v>
      </c>
      <c r="B33" s="17"/>
      <c r="C33" s="36">
        <v>3351</v>
      </c>
      <c r="D33" s="19">
        <v>1703</v>
      </c>
      <c r="E33" s="19">
        <v>1648</v>
      </c>
      <c r="F33" s="19">
        <v>1648</v>
      </c>
      <c r="G33" s="18" t="s">
        <v>64</v>
      </c>
      <c r="H33" s="17"/>
      <c r="I33" s="36">
        <v>2300</v>
      </c>
      <c r="J33" s="19">
        <v>1133</v>
      </c>
      <c r="K33" s="19">
        <v>1167</v>
      </c>
    </row>
    <row r="34" spans="1:11" ht="15" customHeight="1">
      <c r="A34" s="17" t="s">
        <v>65</v>
      </c>
      <c r="B34" s="17"/>
      <c r="C34" s="36">
        <v>3668</v>
      </c>
      <c r="D34" s="19">
        <v>1966</v>
      </c>
      <c r="E34" s="19">
        <v>1702</v>
      </c>
      <c r="F34" s="19">
        <v>1702</v>
      </c>
      <c r="G34" s="18" t="s">
        <v>66</v>
      </c>
      <c r="H34" s="17"/>
      <c r="I34" s="36">
        <v>2847</v>
      </c>
      <c r="J34" s="19">
        <v>1411</v>
      </c>
      <c r="K34" s="19">
        <v>1436</v>
      </c>
    </row>
    <row r="35" spans="1:11" ht="20.100000000000001" customHeight="1">
      <c r="A35" s="40" t="s">
        <v>67</v>
      </c>
      <c r="B35" s="40"/>
      <c r="C35" s="36">
        <v>18564</v>
      </c>
      <c r="D35" s="37">
        <v>10105</v>
      </c>
      <c r="E35" s="37">
        <v>8459</v>
      </c>
      <c r="F35" s="37"/>
      <c r="G35" s="39" t="s">
        <v>68</v>
      </c>
      <c r="H35" s="40"/>
      <c r="I35" s="36">
        <v>12401</v>
      </c>
      <c r="J35" s="37">
        <v>5652</v>
      </c>
      <c r="K35" s="37">
        <v>6749</v>
      </c>
    </row>
    <row r="36" spans="1:11" ht="15" customHeight="1">
      <c r="A36" s="17" t="s">
        <v>69</v>
      </c>
      <c r="B36" s="17"/>
      <c r="C36" s="36">
        <v>3635</v>
      </c>
      <c r="D36" s="19">
        <v>1955</v>
      </c>
      <c r="E36" s="19">
        <v>1680</v>
      </c>
      <c r="F36" s="19"/>
      <c r="G36" s="18" t="s">
        <v>70</v>
      </c>
      <c r="H36" s="17"/>
      <c r="I36" s="36">
        <v>2868</v>
      </c>
      <c r="J36" s="19">
        <v>1343</v>
      </c>
      <c r="K36" s="19">
        <v>1525</v>
      </c>
    </row>
    <row r="37" spans="1:11" ht="15" customHeight="1">
      <c r="A37" s="17" t="s">
        <v>71</v>
      </c>
      <c r="B37" s="17"/>
      <c r="C37" s="36">
        <v>3732</v>
      </c>
      <c r="D37" s="19">
        <v>2058</v>
      </c>
      <c r="E37" s="19">
        <v>1674</v>
      </c>
      <c r="F37" s="19"/>
      <c r="G37" s="18" t="s">
        <v>72</v>
      </c>
      <c r="H37" s="17"/>
      <c r="I37" s="36">
        <v>2671</v>
      </c>
      <c r="J37" s="19">
        <v>1243</v>
      </c>
      <c r="K37" s="19">
        <v>1428</v>
      </c>
    </row>
    <row r="38" spans="1:11" ht="15" customHeight="1">
      <c r="A38" s="17" t="s">
        <v>73</v>
      </c>
      <c r="B38" s="17"/>
      <c r="C38" s="36">
        <v>3763</v>
      </c>
      <c r="D38" s="19">
        <v>2049</v>
      </c>
      <c r="E38" s="19">
        <v>1714</v>
      </c>
      <c r="F38" s="19"/>
      <c r="G38" s="18" t="s">
        <v>74</v>
      </c>
      <c r="H38" s="17"/>
      <c r="I38" s="36">
        <v>2645</v>
      </c>
      <c r="J38" s="19">
        <v>1209</v>
      </c>
      <c r="K38" s="19">
        <v>1436</v>
      </c>
    </row>
    <row r="39" spans="1:11" ht="15" customHeight="1">
      <c r="A39" s="17" t="s">
        <v>75</v>
      </c>
      <c r="B39" s="17"/>
      <c r="C39" s="36">
        <v>3685</v>
      </c>
      <c r="D39" s="19">
        <v>1999</v>
      </c>
      <c r="E39" s="19">
        <v>1686</v>
      </c>
      <c r="F39" s="19"/>
      <c r="G39" s="18" t="s">
        <v>76</v>
      </c>
      <c r="H39" s="17"/>
      <c r="I39" s="36">
        <v>2296</v>
      </c>
      <c r="J39" s="19">
        <v>1015</v>
      </c>
      <c r="K39" s="19">
        <v>1281</v>
      </c>
    </row>
    <row r="40" spans="1:11" ht="15" customHeight="1">
      <c r="A40" s="17" t="s">
        <v>77</v>
      </c>
      <c r="B40" s="17"/>
      <c r="C40" s="36">
        <v>3749</v>
      </c>
      <c r="D40" s="19">
        <v>2044</v>
      </c>
      <c r="E40" s="19">
        <v>1705</v>
      </c>
      <c r="F40" s="19"/>
      <c r="G40" s="18" t="s">
        <v>78</v>
      </c>
      <c r="H40" s="17"/>
      <c r="I40" s="36">
        <v>1921</v>
      </c>
      <c r="J40" s="19">
        <v>842</v>
      </c>
      <c r="K40" s="19">
        <v>1079</v>
      </c>
    </row>
    <row r="41" spans="1:11" ht="20.100000000000001" customHeight="1">
      <c r="A41" s="40" t="s">
        <v>79</v>
      </c>
      <c r="B41" s="40"/>
      <c r="C41" s="36">
        <v>20148</v>
      </c>
      <c r="D41" s="37">
        <v>10868</v>
      </c>
      <c r="E41" s="37">
        <v>9280</v>
      </c>
      <c r="F41" s="37"/>
      <c r="G41" s="39" t="s">
        <v>80</v>
      </c>
      <c r="H41" s="40"/>
      <c r="I41" s="36">
        <v>8449</v>
      </c>
      <c r="J41" s="37">
        <v>3366</v>
      </c>
      <c r="K41" s="37">
        <v>5083</v>
      </c>
    </row>
    <row r="42" spans="1:11" ht="15" customHeight="1">
      <c r="A42" s="17" t="s">
        <v>81</v>
      </c>
      <c r="B42" s="17"/>
      <c r="C42" s="36">
        <v>3832</v>
      </c>
      <c r="D42" s="19">
        <v>2039</v>
      </c>
      <c r="E42" s="19">
        <v>1793</v>
      </c>
      <c r="F42" s="19"/>
      <c r="G42" s="18" t="s">
        <v>82</v>
      </c>
      <c r="H42" s="17"/>
      <c r="I42" s="36">
        <v>1761</v>
      </c>
      <c r="J42" s="19">
        <v>729</v>
      </c>
      <c r="K42" s="19">
        <v>1032</v>
      </c>
    </row>
    <row r="43" spans="1:11" ht="15" customHeight="1">
      <c r="A43" s="17" t="s">
        <v>83</v>
      </c>
      <c r="B43" s="17"/>
      <c r="C43" s="36">
        <v>3881</v>
      </c>
      <c r="D43" s="19">
        <v>2126</v>
      </c>
      <c r="E43" s="19">
        <v>1755</v>
      </c>
      <c r="F43" s="19"/>
      <c r="G43" s="18" t="s">
        <v>84</v>
      </c>
      <c r="H43" s="17"/>
      <c r="I43" s="36">
        <v>1901</v>
      </c>
      <c r="J43" s="19">
        <v>802</v>
      </c>
      <c r="K43" s="19">
        <v>1099</v>
      </c>
    </row>
    <row r="44" spans="1:11" ht="15" customHeight="1">
      <c r="A44" s="17" t="s">
        <v>85</v>
      </c>
      <c r="B44" s="17"/>
      <c r="C44" s="36">
        <v>3991</v>
      </c>
      <c r="D44" s="19">
        <v>2218</v>
      </c>
      <c r="E44" s="19">
        <v>1773</v>
      </c>
      <c r="F44" s="19"/>
      <c r="G44" s="18" t="s">
        <v>86</v>
      </c>
      <c r="H44" s="17"/>
      <c r="I44" s="36">
        <v>1758</v>
      </c>
      <c r="J44" s="19">
        <v>668</v>
      </c>
      <c r="K44" s="19">
        <v>1090</v>
      </c>
    </row>
    <row r="45" spans="1:11" ht="15" customHeight="1">
      <c r="A45" s="17" t="s">
        <v>87</v>
      </c>
      <c r="B45" s="17"/>
      <c r="C45" s="36">
        <v>4151</v>
      </c>
      <c r="D45" s="19">
        <v>2166</v>
      </c>
      <c r="E45" s="19">
        <v>1985</v>
      </c>
      <c r="F45" s="19"/>
      <c r="G45" s="18" t="s">
        <v>88</v>
      </c>
      <c r="H45" s="17"/>
      <c r="I45" s="36">
        <v>1647</v>
      </c>
      <c r="J45" s="19">
        <v>652</v>
      </c>
      <c r="K45" s="19">
        <v>995</v>
      </c>
    </row>
    <row r="46" spans="1:11" ht="15" customHeight="1">
      <c r="A46" s="17" t="s">
        <v>89</v>
      </c>
      <c r="B46" s="17"/>
      <c r="C46" s="36">
        <v>4293</v>
      </c>
      <c r="D46" s="19">
        <v>2319</v>
      </c>
      <c r="E46" s="19">
        <v>1974</v>
      </c>
      <c r="F46" s="19"/>
      <c r="G46" s="18" t="s">
        <v>90</v>
      </c>
      <c r="H46" s="17"/>
      <c r="I46" s="36">
        <v>1382</v>
      </c>
      <c r="J46" s="19">
        <v>515</v>
      </c>
      <c r="K46" s="19">
        <v>867</v>
      </c>
    </row>
    <row r="47" spans="1:11" ht="20.100000000000001" customHeight="1">
      <c r="A47" s="40" t="s">
        <v>91</v>
      </c>
      <c r="B47" s="40"/>
      <c r="C47" s="36">
        <v>21005</v>
      </c>
      <c r="D47" s="37">
        <v>11090</v>
      </c>
      <c r="E47" s="37">
        <v>9915</v>
      </c>
      <c r="F47" s="37"/>
      <c r="G47" s="39" t="s">
        <v>92</v>
      </c>
      <c r="H47" s="40"/>
      <c r="I47" s="36">
        <v>5198</v>
      </c>
      <c r="J47" s="37">
        <v>1774</v>
      </c>
      <c r="K47" s="37">
        <v>3424</v>
      </c>
    </row>
    <row r="48" spans="1:11" ht="15" customHeight="1">
      <c r="A48" s="17" t="s">
        <v>93</v>
      </c>
      <c r="B48" s="17"/>
      <c r="C48" s="36">
        <v>4217</v>
      </c>
      <c r="D48" s="19">
        <v>2230</v>
      </c>
      <c r="E48" s="19">
        <v>1987</v>
      </c>
      <c r="F48" s="19"/>
      <c r="G48" s="18" t="s">
        <v>94</v>
      </c>
      <c r="H48" s="17"/>
      <c r="I48" s="36">
        <v>1308</v>
      </c>
      <c r="J48" s="19">
        <v>457</v>
      </c>
      <c r="K48" s="19">
        <v>851</v>
      </c>
    </row>
    <row r="49" spans="1:11" ht="15" customHeight="1">
      <c r="A49" s="17" t="s">
        <v>95</v>
      </c>
      <c r="B49" s="17"/>
      <c r="C49" s="36">
        <v>4135</v>
      </c>
      <c r="D49" s="19">
        <v>2171</v>
      </c>
      <c r="E49" s="19">
        <v>1964</v>
      </c>
      <c r="F49" s="19"/>
      <c r="G49" s="18" t="s">
        <v>96</v>
      </c>
      <c r="H49" s="17"/>
      <c r="I49" s="36">
        <v>1192</v>
      </c>
      <c r="J49" s="19">
        <v>423</v>
      </c>
      <c r="K49" s="19">
        <v>769</v>
      </c>
    </row>
    <row r="50" spans="1:11" ht="15" customHeight="1">
      <c r="A50" s="17" t="s">
        <v>97</v>
      </c>
      <c r="B50" s="17"/>
      <c r="C50" s="36">
        <v>4230</v>
      </c>
      <c r="D50" s="19">
        <v>2140</v>
      </c>
      <c r="E50" s="19">
        <v>2090</v>
      </c>
      <c r="F50" s="19"/>
      <c r="G50" s="18" t="s">
        <v>98</v>
      </c>
      <c r="H50" s="17"/>
      <c r="I50" s="36">
        <v>1044</v>
      </c>
      <c r="J50" s="19">
        <v>347</v>
      </c>
      <c r="K50" s="19">
        <v>697</v>
      </c>
    </row>
    <row r="51" spans="1:11" ht="15" customHeight="1">
      <c r="A51" s="17" t="s">
        <v>99</v>
      </c>
      <c r="B51" s="17"/>
      <c r="C51" s="36">
        <v>4099</v>
      </c>
      <c r="D51" s="19">
        <v>2220</v>
      </c>
      <c r="E51" s="19">
        <v>1879</v>
      </c>
      <c r="F51" s="19"/>
      <c r="G51" s="18" t="s">
        <v>100</v>
      </c>
      <c r="H51" s="17"/>
      <c r="I51" s="36">
        <v>879</v>
      </c>
      <c r="J51" s="19">
        <v>304</v>
      </c>
      <c r="K51" s="19">
        <v>575</v>
      </c>
    </row>
    <row r="52" spans="1:11" ht="15" customHeight="1">
      <c r="A52" s="17" t="s">
        <v>101</v>
      </c>
      <c r="B52" s="17"/>
      <c r="C52" s="36">
        <v>4324</v>
      </c>
      <c r="D52" s="19">
        <v>2329</v>
      </c>
      <c r="E52" s="19">
        <v>1995</v>
      </c>
      <c r="F52" s="19"/>
      <c r="G52" s="18" t="s">
        <v>102</v>
      </c>
      <c r="H52" s="17"/>
      <c r="I52" s="36">
        <v>775</v>
      </c>
      <c r="J52" s="19">
        <v>243</v>
      </c>
      <c r="K52" s="19">
        <v>532</v>
      </c>
    </row>
    <row r="53" spans="1:11" ht="20.100000000000001" customHeight="1">
      <c r="A53" s="40" t="s">
        <v>103</v>
      </c>
      <c r="B53" s="40"/>
      <c r="C53" s="36">
        <v>23512</v>
      </c>
      <c r="D53" s="37">
        <v>12559</v>
      </c>
      <c r="E53" s="37">
        <v>10953</v>
      </c>
      <c r="F53" s="37"/>
      <c r="G53" s="39" t="s">
        <v>104</v>
      </c>
      <c r="H53" s="40"/>
      <c r="I53" s="36">
        <v>2199</v>
      </c>
      <c r="J53" s="37">
        <v>655</v>
      </c>
      <c r="K53" s="37">
        <v>1544</v>
      </c>
    </row>
    <row r="54" spans="1:11" ht="15" customHeight="1">
      <c r="A54" s="17" t="s">
        <v>105</v>
      </c>
      <c r="B54" s="17"/>
      <c r="C54" s="36">
        <v>4316</v>
      </c>
      <c r="D54" s="19">
        <v>2282</v>
      </c>
      <c r="E54" s="19">
        <v>2034</v>
      </c>
      <c r="F54" s="19"/>
      <c r="G54" s="18" t="s">
        <v>106</v>
      </c>
      <c r="H54" s="17"/>
      <c r="I54" s="36">
        <v>643</v>
      </c>
      <c r="J54" s="19">
        <v>207</v>
      </c>
      <c r="K54" s="19">
        <v>436</v>
      </c>
    </row>
    <row r="55" spans="1:11" ht="15" customHeight="1">
      <c r="A55" s="17" t="s">
        <v>107</v>
      </c>
      <c r="B55" s="17"/>
      <c r="C55" s="36">
        <v>4484</v>
      </c>
      <c r="D55" s="19">
        <v>2417</v>
      </c>
      <c r="E55" s="19">
        <v>2067</v>
      </c>
      <c r="F55" s="19"/>
      <c r="G55" s="18" t="s">
        <v>108</v>
      </c>
      <c r="H55" s="17"/>
      <c r="I55" s="36">
        <v>547</v>
      </c>
      <c r="J55" s="19">
        <v>166</v>
      </c>
      <c r="K55" s="19">
        <v>381</v>
      </c>
    </row>
    <row r="56" spans="1:11" ht="15" customHeight="1">
      <c r="A56" s="17" t="s">
        <v>109</v>
      </c>
      <c r="B56" s="17"/>
      <c r="C56" s="36">
        <v>4672</v>
      </c>
      <c r="D56" s="19">
        <v>2477</v>
      </c>
      <c r="E56" s="19">
        <v>2195</v>
      </c>
      <c r="F56" s="19"/>
      <c r="G56" s="18" t="s">
        <v>110</v>
      </c>
      <c r="H56" s="17"/>
      <c r="I56" s="36">
        <v>432</v>
      </c>
      <c r="J56" s="19">
        <v>120</v>
      </c>
      <c r="K56" s="19">
        <v>312</v>
      </c>
    </row>
    <row r="57" spans="1:11" ht="15" customHeight="1">
      <c r="A57" s="17" t="s">
        <v>111</v>
      </c>
      <c r="B57" s="17"/>
      <c r="C57" s="36">
        <v>4906</v>
      </c>
      <c r="D57" s="19">
        <v>2707</v>
      </c>
      <c r="E57" s="19">
        <v>2199</v>
      </c>
      <c r="F57" s="19"/>
      <c r="G57" s="18" t="s">
        <v>112</v>
      </c>
      <c r="H57" s="17"/>
      <c r="I57" s="36">
        <v>329</v>
      </c>
      <c r="J57" s="19">
        <v>98</v>
      </c>
      <c r="K57" s="19">
        <v>231</v>
      </c>
    </row>
    <row r="58" spans="1:11" ht="15" customHeight="1">
      <c r="A58" s="17" t="s">
        <v>113</v>
      </c>
      <c r="B58" s="17"/>
      <c r="C58" s="36">
        <v>5134</v>
      </c>
      <c r="D58" s="19">
        <v>2676</v>
      </c>
      <c r="E58" s="19">
        <v>2458</v>
      </c>
      <c r="F58" s="19"/>
      <c r="G58" s="18" t="s">
        <v>114</v>
      </c>
      <c r="H58" s="17"/>
      <c r="I58" s="36">
        <v>248</v>
      </c>
      <c r="J58" s="19">
        <v>64</v>
      </c>
      <c r="K58" s="19">
        <v>184</v>
      </c>
    </row>
    <row r="59" spans="1:11" ht="20.100000000000001" customHeight="1">
      <c r="A59" s="17" t="s">
        <v>115</v>
      </c>
      <c r="B59" s="17"/>
      <c r="C59" s="36">
        <v>25532</v>
      </c>
      <c r="D59" s="37">
        <v>13714</v>
      </c>
      <c r="E59" s="37">
        <v>11818</v>
      </c>
      <c r="F59" s="37"/>
      <c r="G59" s="39" t="s">
        <v>116</v>
      </c>
      <c r="H59" s="40"/>
      <c r="I59" s="36">
        <v>461</v>
      </c>
      <c r="J59" s="37">
        <v>79</v>
      </c>
      <c r="K59" s="37">
        <v>382</v>
      </c>
    </row>
    <row r="60" spans="1:11" ht="15" customHeight="1">
      <c r="A60" s="17" t="s">
        <v>117</v>
      </c>
      <c r="B60" s="17"/>
      <c r="C60" s="36">
        <v>5383</v>
      </c>
      <c r="D60" s="19">
        <v>2880</v>
      </c>
      <c r="E60" s="19">
        <v>2503</v>
      </c>
      <c r="F60" s="19"/>
      <c r="G60" s="18" t="s">
        <v>118</v>
      </c>
      <c r="H60" s="17"/>
      <c r="I60" s="36">
        <v>181</v>
      </c>
      <c r="J60" s="19">
        <v>33</v>
      </c>
      <c r="K60" s="19">
        <v>148</v>
      </c>
    </row>
    <row r="61" spans="1:11" ht="15" customHeight="1">
      <c r="A61" s="17" t="s">
        <v>119</v>
      </c>
      <c r="B61" s="17"/>
      <c r="C61" s="36">
        <v>5328</v>
      </c>
      <c r="D61" s="19">
        <v>2890</v>
      </c>
      <c r="E61" s="19">
        <v>2438</v>
      </c>
      <c r="F61" s="19"/>
      <c r="G61" s="18" t="s">
        <v>120</v>
      </c>
      <c r="H61" s="17"/>
      <c r="I61" s="36">
        <v>119</v>
      </c>
      <c r="J61" s="19">
        <v>16</v>
      </c>
      <c r="K61" s="19">
        <v>103</v>
      </c>
    </row>
    <row r="62" spans="1:11" ht="15" customHeight="1">
      <c r="A62" s="17" t="s">
        <v>121</v>
      </c>
      <c r="B62" s="17"/>
      <c r="C62" s="36">
        <v>5076</v>
      </c>
      <c r="D62" s="19">
        <v>2760</v>
      </c>
      <c r="E62" s="19">
        <v>2316</v>
      </c>
      <c r="F62" s="19"/>
      <c r="G62" s="18" t="s">
        <v>122</v>
      </c>
      <c r="H62" s="17"/>
      <c r="I62" s="36">
        <v>98</v>
      </c>
      <c r="J62" s="19">
        <v>12</v>
      </c>
      <c r="K62" s="19">
        <v>86</v>
      </c>
    </row>
    <row r="63" spans="1:11" ht="15" customHeight="1">
      <c r="A63" s="17" t="s">
        <v>123</v>
      </c>
      <c r="B63" s="17"/>
      <c r="C63" s="36">
        <v>4935</v>
      </c>
      <c r="D63" s="19">
        <v>2592</v>
      </c>
      <c r="E63" s="19">
        <v>2343</v>
      </c>
      <c r="F63" s="19"/>
      <c r="G63" s="18" t="s">
        <v>124</v>
      </c>
      <c r="H63" s="17"/>
      <c r="I63" s="36">
        <v>44</v>
      </c>
      <c r="J63" s="19">
        <v>12</v>
      </c>
      <c r="K63" s="19">
        <v>32</v>
      </c>
    </row>
    <row r="64" spans="1:11" ht="15" customHeight="1">
      <c r="A64" s="17" t="s">
        <v>125</v>
      </c>
      <c r="B64" s="17"/>
      <c r="C64" s="36">
        <v>4810</v>
      </c>
      <c r="D64" s="19">
        <v>2592</v>
      </c>
      <c r="E64" s="19">
        <v>2218</v>
      </c>
      <c r="F64" s="19"/>
      <c r="G64" s="18" t="s">
        <v>126</v>
      </c>
      <c r="H64" s="17"/>
      <c r="I64" s="36">
        <v>19</v>
      </c>
      <c r="J64" s="19">
        <v>6</v>
      </c>
      <c r="K64" s="19">
        <v>1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36">
        <v>32</v>
      </c>
      <c r="J65" s="19">
        <v>0</v>
      </c>
      <c r="K65" s="19">
        <v>3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41">
        <v>2192</v>
      </c>
      <c r="J66" s="29">
        <v>1510</v>
      </c>
      <c r="K66" s="29">
        <v>68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3" pageOrder="overThenDown" orientation="portrait" blackAndWhite="1" useFirstPageNumber="1" horizontalDpi="300" verticalDpi="300"/>
  <headerFooter scaleWithDoc="0"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4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96971</v>
      </c>
      <c r="D4" s="14">
        <v>198139</v>
      </c>
      <c r="E4" s="14">
        <v>19883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2710</v>
      </c>
      <c r="D5" s="14">
        <v>6540</v>
      </c>
      <c r="E5" s="14">
        <v>6170</v>
      </c>
      <c r="F5" s="14"/>
      <c r="G5" s="18" t="s">
        <v>8</v>
      </c>
      <c r="H5" s="17"/>
      <c r="I5" s="13">
        <v>26703</v>
      </c>
      <c r="J5" s="14">
        <v>13699</v>
      </c>
      <c r="K5" s="14">
        <v>13004</v>
      </c>
    </row>
    <row r="6" spans="1:11" ht="15" customHeight="1">
      <c r="A6" s="17" t="s">
        <v>9</v>
      </c>
      <c r="B6" s="17"/>
      <c r="C6" s="13">
        <v>2344</v>
      </c>
      <c r="D6" s="19">
        <v>1229</v>
      </c>
      <c r="E6" s="19">
        <v>1115</v>
      </c>
      <c r="F6" s="19"/>
      <c r="G6" s="18" t="s">
        <v>10</v>
      </c>
      <c r="H6" s="17"/>
      <c r="I6" s="13">
        <v>5875</v>
      </c>
      <c r="J6" s="19">
        <v>3035</v>
      </c>
      <c r="K6" s="19">
        <v>2840</v>
      </c>
    </row>
    <row r="7" spans="1:11" ht="15" customHeight="1">
      <c r="A7" s="17" t="s">
        <v>11</v>
      </c>
      <c r="B7" s="17"/>
      <c r="C7" s="13">
        <v>2492</v>
      </c>
      <c r="D7" s="19">
        <v>1267</v>
      </c>
      <c r="E7" s="19">
        <v>1225</v>
      </c>
      <c r="F7" s="19"/>
      <c r="G7" s="18" t="s">
        <v>12</v>
      </c>
      <c r="H7" s="17"/>
      <c r="I7" s="13">
        <v>6043</v>
      </c>
      <c r="J7" s="19">
        <v>3126</v>
      </c>
      <c r="K7" s="19">
        <v>2917</v>
      </c>
    </row>
    <row r="8" spans="1:11" ht="15" customHeight="1">
      <c r="A8" s="17" t="s">
        <v>13</v>
      </c>
      <c r="B8" s="17"/>
      <c r="C8" s="13">
        <v>2694</v>
      </c>
      <c r="D8" s="19">
        <v>1452</v>
      </c>
      <c r="E8" s="19">
        <v>1242</v>
      </c>
      <c r="F8" s="19"/>
      <c r="G8" s="18" t="s">
        <v>14</v>
      </c>
      <c r="H8" s="17"/>
      <c r="I8" s="13">
        <v>4337</v>
      </c>
      <c r="J8" s="19">
        <v>2272</v>
      </c>
      <c r="K8" s="19">
        <v>2065</v>
      </c>
    </row>
    <row r="9" spans="1:11" ht="15" customHeight="1">
      <c r="A9" s="17" t="s">
        <v>15</v>
      </c>
      <c r="B9" s="17"/>
      <c r="C9" s="13">
        <v>2637</v>
      </c>
      <c r="D9" s="19">
        <v>1329</v>
      </c>
      <c r="E9" s="19">
        <v>1308</v>
      </c>
      <c r="F9" s="19"/>
      <c r="G9" s="18" t="s">
        <v>16</v>
      </c>
      <c r="H9" s="17"/>
      <c r="I9" s="13">
        <v>5468</v>
      </c>
      <c r="J9" s="19">
        <v>2768</v>
      </c>
      <c r="K9" s="19">
        <v>2700</v>
      </c>
    </row>
    <row r="10" spans="1:11" ht="15" customHeight="1">
      <c r="A10" s="17" t="s">
        <v>17</v>
      </c>
      <c r="B10" s="17"/>
      <c r="C10" s="13">
        <v>2543</v>
      </c>
      <c r="D10" s="19">
        <v>1263</v>
      </c>
      <c r="E10" s="19">
        <v>1280</v>
      </c>
      <c r="F10" s="19"/>
      <c r="G10" s="18" t="s">
        <v>18</v>
      </c>
      <c r="H10" s="17"/>
      <c r="I10" s="13">
        <v>4980</v>
      </c>
      <c r="J10" s="19">
        <v>2498</v>
      </c>
      <c r="K10" s="19">
        <v>2482</v>
      </c>
    </row>
    <row r="11" spans="1:11" ht="20.100000000000001" customHeight="1">
      <c r="A11" s="17" t="s">
        <v>19</v>
      </c>
      <c r="B11" s="17"/>
      <c r="C11" s="13">
        <v>14279</v>
      </c>
      <c r="D11" s="14">
        <v>7238</v>
      </c>
      <c r="E11" s="14">
        <v>7041</v>
      </c>
      <c r="F11" s="14"/>
      <c r="G11" s="18" t="s">
        <v>20</v>
      </c>
      <c r="H11" s="17"/>
      <c r="I11" s="13">
        <v>23380</v>
      </c>
      <c r="J11" s="14">
        <v>11889</v>
      </c>
      <c r="K11" s="14">
        <v>11491</v>
      </c>
    </row>
    <row r="12" spans="1:11" ht="15" customHeight="1">
      <c r="A12" s="17" t="s">
        <v>21</v>
      </c>
      <c r="B12" s="17"/>
      <c r="C12" s="13">
        <v>2735</v>
      </c>
      <c r="D12" s="19">
        <v>1352</v>
      </c>
      <c r="E12" s="19">
        <v>1383</v>
      </c>
      <c r="F12" s="19"/>
      <c r="G12" s="18" t="s">
        <v>22</v>
      </c>
      <c r="H12" s="17"/>
      <c r="I12" s="13">
        <v>4934</v>
      </c>
      <c r="J12" s="19">
        <v>2517</v>
      </c>
      <c r="K12" s="19">
        <v>2417</v>
      </c>
    </row>
    <row r="13" spans="1:11" ht="15" customHeight="1">
      <c r="A13" s="17" t="s">
        <v>23</v>
      </c>
      <c r="B13" s="17"/>
      <c r="C13" s="13">
        <v>2718</v>
      </c>
      <c r="D13" s="19">
        <v>1400</v>
      </c>
      <c r="E13" s="19">
        <v>1318</v>
      </c>
      <c r="F13" s="19"/>
      <c r="G13" s="18" t="s">
        <v>24</v>
      </c>
      <c r="H13" s="17"/>
      <c r="I13" s="13">
        <v>4683</v>
      </c>
      <c r="J13" s="19">
        <v>2393</v>
      </c>
      <c r="K13" s="19">
        <v>2290</v>
      </c>
    </row>
    <row r="14" spans="1:11" ht="15" customHeight="1">
      <c r="A14" s="17" t="s">
        <v>25</v>
      </c>
      <c r="B14" s="17"/>
      <c r="C14" s="13">
        <v>2941</v>
      </c>
      <c r="D14" s="19">
        <v>1501</v>
      </c>
      <c r="E14" s="19">
        <v>1440</v>
      </c>
      <c r="F14" s="19"/>
      <c r="G14" s="18" t="s">
        <v>26</v>
      </c>
      <c r="H14" s="17"/>
      <c r="I14" s="13">
        <v>4686</v>
      </c>
      <c r="J14" s="19">
        <v>2372</v>
      </c>
      <c r="K14" s="19">
        <v>2314</v>
      </c>
    </row>
    <row r="15" spans="1:11" ht="15" customHeight="1">
      <c r="A15" s="17" t="s">
        <v>27</v>
      </c>
      <c r="B15" s="17"/>
      <c r="C15" s="13">
        <v>2959</v>
      </c>
      <c r="D15" s="19">
        <v>1511</v>
      </c>
      <c r="E15" s="19">
        <v>1448</v>
      </c>
      <c r="F15" s="19"/>
      <c r="G15" s="18" t="s">
        <v>28</v>
      </c>
      <c r="H15" s="17"/>
      <c r="I15" s="13">
        <v>4536</v>
      </c>
      <c r="J15" s="19">
        <v>2260</v>
      </c>
      <c r="K15" s="19">
        <v>2276</v>
      </c>
    </row>
    <row r="16" spans="1:11" ht="15" customHeight="1">
      <c r="A16" s="17" t="s">
        <v>29</v>
      </c>
      <c r="B16" s="17"/>
      <c r="C16" s="13">
        <v>2926</v>
      </c>
      <c r="D16" s="19">
        <v>1474</v>
      </c>
      <c r="E16" s="19">
        <v>1452</v>
      </c>
      <c r="F16" s="19"/>
      <c r="G16" s="18" t="s">
        <v>30</v>
      </c>
      <c r="H16" s="17"/>
      <c r="I16" s="13">
        <v>4541</v>
      </c>
      <c r="J16" s="19">
        <v>2347</v>
      </c>
      <c r="K16" s="19">
        <v>2194</v>
      </c>
    </row>
    <row r="17" spans="1:11" ht="20.100000000000001" customHeight="1">
      <c r="A17" s="20" t="s">
        <v>31</v>
      </c>
      <c r="B17" s="20"/>
      <c r="C17" s="13">
        <v>15985</v>
      </c>
      <c r="D17" s="14">
        <v>8191</v>
      </c>
      <c r="E17" s="14">
        <v>7794</v>
      </c>
      <c r="F17" s="14"/>
      <c r="G17" s="18" t="s">
        <v>32</v>
      </c>
      <c r="H17" s="17"/>
      <c r="I17" s="13">
        <v>22785</v>
      </c>
      <c r="J17" s="14">
        <v>11290</v>
      </c>
      <c r="K17" s="14">
        <v>11495</v>
      </c>
    </row>
    <row r="18" spans="1:11" ht="15" customHeight="1">
      <c r="A18" s="17" t="s">
        <v>33</v>
      </c>
      <c r="B18" s="17"/>
      <c r="C18" s="13">
        <v>3064</v>
      </c>
      <c r="D18" s="19">
        <v>1578</v>
      </c>
      <c r="E18" s="19">
        <v>1486</v>
      </c>
      <c r="F18" s="19"/>
      <c r="G18" s="18" t="s">
        <v>34</v>
      </c>
      <c r="H18" s="17"/>
      <c r="I18" s="13">
        <v>4549</v>
      </c>
      <c r="J18" s="19">
        <v>2297</v>
      </c>
      <c r="K18" s="19">
        <v>2252</v>
      </c>
    </row>
    <row r="19" spans="1:11" ht="15" customHeight="1">
      <c r="A19" s="17" t="s">
        <v>35</v>
      </c>
      <c r="B19" s="17"/>
      <c r="C19" s="13">
        <v>3138</v>
      </c>
      <c r="D19" s="19">
        <v>1582</v>
      </c>
      <c r="E19" s="19">
        <v>1556</v>
      </c>
      <c r="F19" s="19"/>
      <c r="G19" s="18" t="s">
        <v>36</v>
      </c>
      <c r="H19" s="17"/>
      <c r="I19" s="13">
        <v>4279</v>
      </c>
      <c r="J19" s="19">
        <v>2117</v>
      </c>
      <c r="K19" s="19">
        <v>2162</v>
      </c>
    </row>
    <row r="20" spans="1:11" ht="15" customHeight="1">
      <c r="A20" s="17" t="s">
        <v>37</v>
      </c>
      <c r="B20" s="17"/>
      <c r="C20" s="13">
        <v>3239</v>
      </c>
      <c r="D20" s="19">
        <v>1678</v>
      </c>
      <c r="E20" s="19">
        <v>1561</v>
      </c>
      <c r="F20" s="19"/>
      <c r="G20" s="18" t="s">
        <v>38</v>
      </c>
      <c r="H20" s="17"/>
      <c r="I20" s="13">
        <v>4560</v>
      </c>
      <c r="J20" s="19">
        <v>2250</v>
      </c>
      <c r="K20" s="19">
        <v>2310</v>
      </c>
    </row>
    <row r="21" spans="1:11" ht="15" customHeight="1">
      <c r="A21" s="17" t="s">
        <v>39</v>
      </c>
      <c r="B21" s="17"/>
      <c r="C21" s="13">
        <v>3155</v>
      </c>
      <c r="D21" s="19">
        <v>1633</v>
      </c>
      <c r="E21" s="19">
        <v>1522</v>
      </c>
      <c r="F21" s="19"/>
      <c r="G21" s="18" t="s">
        <v>40</v>
      </c>
      <c r="H21" s="17"/>
      <c r="I21" s="13">
        <v>4612</v>
      </c>
      <c r="J21" s="19">
        <v>2276</v>
      </c>
      <c r="K21" s="19">
        <v>2336</v>
      </c>
    </row>
    <row r="22" spans="1:11" ht="15" customHeight="1">
      <c r="A22" s="17" t="s">
        <v>41</v>
      </c>
      <c r="B22" s="17"/>
      <c r="C22" s="13">
        <v>3389</v>
      </c>
      <c r="D22" s="19">
        <v>1720</v>
      </c>
      <c r="E22" s="19">
        <v>1669</v>
      </c>
      <c r="F22" s="19"/>
      <c r="G22" s="18" t="s">
        <v>42</v>
      </c>
      <c r="H22" s="17"/>
      <c r="I22" s="13">
        <v>4785</v>
      </c>
      <c r="J22" s="19">
        <v>2350</v>
      </c>
      <c r="K22" s="19">
        <v>2435</v>
      </c>
    </row>
    <row r="23" spans="1:11" ht="20.100000000000001" customHeight="1">
      <c r="A23" s="17" t="s">
        <v>43</v>
      </c>
      <c r="B23" s="17"/>
      <c r="C23" s="13">
        <v>20347</v>
      </c>
      <c r="D23" s="14">
        <v>11328</v>
      </c>
      <c r="E23" s="14">
        <v>9019</v>
      </c>
      <c r="F23" s="14"/>
      <c r="G23" s="18" t="s">
        <v>44</v>
      </c>
      <c r="H23" s="17"/>
      <c r="I23" s="13">
        <v>29892</v>
      </c>
      <c r="J23" s="14">
        <v>14467</v>
      </c>
      <c r="K23" s="14">
        <v>15425</v>
      </c>
    </row>
    <row r="24" spans="1:11" ht="15" customHeight="1">
      <c r="A24" s="17" t="s">
        <v>45</v>
      </c>
      <c r="B24" s="17"/>
      <c r="C24" s="13">
        <v>3815</v>
      </c>
      <c r="D24" s="19">
        <v>2094</v>
      </c>
      <c r="E24" s="19">
        <v>1721</v>
      </c>
      <c r="F24" s="19"/>
      <c r="G24" s="18" t="s">
        <v>46</v>
      </c>
      <c r="H24" s="17"/>
      <c r="I24" s="13">
        <v>4926</v>
      </c>
      <c r="J24" s="19">
        <v>2472</v>
      </c>
      <c r="K24" s="19">
        <v>2454</v>
      </c>
    </row>
    <row r="25" spans="1:11" ht="15" customHeight="1">
      <c r="A25" s="17" t="s">
        <v>47</v>
      </c>
      <c r="B25" s="17"/>
      <c r="C25" s="13">
        <v>3823</v>
      </c>
      <c r="D25" s="19">
        <v>2104</v>
      </c>
      <c r="E25" s="19">
        <v>1719</v>
      </c>
      <c r="F25" s="19"/>
      <c r="G25" s="18" t="s">
        <v>48</v>
      </c>
      <c r="H25" s="17"/>
      <c r="I25" s="13">
        <v>5469</v>
      </c>
      <c r="J25" s="19">
        <v>2646</v>
      </c>
      <c r="K25" s="19">
        <v>2823</v>
      </c>
    </row>
    <row r="26" spans="1:11" ht="15" customHeight="1">
      <c r="A26" s="17" t="s">
        <v>49</v>
      </c>
      <c r="B26" s="17"/>
      <c r="C26" s="13">
        <v>3925</v>
      </c>
      <c r="D26" s="19">
        <v>2193</v>
      </c>
      <c r="E26" s="19">
        <v>1732</v>
      </c>
      <c r="F26" s="19"/>
      <c r="G26" s="18" t="s">
        <v>50</v>
      </c>
      <c r="H26" s="17"/>
      <c r="I26" s="13">
        <v>5840</v>
      </c>
      <c r="J26" s="19">
        <v>2809</v>
      </c>
      <c r="K26" s="19">
        <v>3031</v>
      </c>
    </row>
    <row r="27" spans="1:11" ht="15" customHeight="1">
      <c r="A27" s="17" t="s">
        <v>51</v>
      </c>
      <c r="B27" s="17"/>
      <c r="C27" s="13">
        <v>4491</v>
      </c>
      <c r="D27" s="19">
        <v>2477</v>
      </c>
      <c r="E27" s="19">
        <v>2014</v>
      </c>
      <c r="F27" s="19"/>
      <c r="G27" s="18" t="s">
        <v>52</v>
      </c>
      <c r="H27" s="17"/>
      <c r="I27" s="13">
        <v>6216</v>
      </c>
      <c r="J27" s="19">
        <v>2994</v>
      </c>
      <c r="K27" s="19">
        <v>3222</v>
      </c>
    </row>
    <row r="28" spans="1:11" ht="15" customHeight="1">
      <c r="A28" s="17" t="s">
        <v>53</v>
      </c>
      <c r="B28" s="17"/>
      <c r="C28" s="13">
        <v>4293</v>
      </c>
      <c r="D28" s="19">
        <v>2460</v>
      </c>
      <c r="E28" s="19">
        <v>1833</v>
      </c>
      <c r="F28" s="19"/>
      <c r="G28" s="18" t="s">
        <v>54</v>
      </c>
      <c r="H28" s="17"/>
      <c r="I28" s="13">
        <v>7441</v>
      </c>
      <c r="J28" s="19">
        <v>3546</v>
      </c>
      <c r="K28" s="19">
        <v>3895</v>
      </c>
    </row>
    <row r="29" spans="1:11" ht="20.100000000000001" customHeight="1">
      <c r="A29" s="17" t="s">
        <v>55</v>
      </c>
      <c r="B29" s="17"/>
      <c r="C29" s="13">
        <v>19906</v>
      </c>
      <c r="D29" s="14">
        <v>11127</v>
      </c>
      <c r="E29" s="14">
        <v>8779</v>
      </c>
      <c r="F29" s="14"/>
      <c r="G29" s="18" t="s">
        <v>56</v>
      </c>
      <c r="H29" s="17"/>
      <c r="I29" s="13">
        <v>30103</v>
      </c>
      <c r="J29" s="14">
        <v>13902</v>
      </c>
      <c r="K29" s="14">
        <v>16201</v>
      </c>
    </row>
    <row r="30" spans="1:11" ht="15" customHeight="1">
      <c r="A30" s="17" t="s">
        <v>57</v>
      </c>
      <c r="B30" s="17"/>
      <c r="C30" s="13">
        <v>4429</v>
      </c>
      <c r="D30" s="19">
        <v>2533</v>
      </c>
      <c r="E30" s="19">
        <v>1896</v>
      </c>
      <c r="F30" s="19"/>
      <c r="G30" s="18" t="s">
        <v>58</v>
      </c>
      <c r="H30" s="17"/>
      <c r="I30" s="13">
        <v>7129</v>
      </c>
      <c r="J30" s="19">
        <v>3351</v>
      </c>
      <c r="K30" s="19">
        <v>3778</v>
      </c>
    </row>
    <row r="31" spans="1:11" ht="15" customHeight="1">
      <c r="A31" s="17" t="s">
        <v>59</v>
      </c>
      <c r="B31" s="17"/>
      <c r="C31" s="13">
        <v>4155</v>
      </c>
      <c r="D31" s="19">
        <v>2344</v>
      </c>
      <c r="E31" s="19">
        <v>1811</v>
      </c>
      <c r="F31" s="19"/>
      <c r="G31" s="18" t="s">
        <v>60</v>
      </c>
      <c r="H31" s="17"/>
      <c r="I31" s="13">
        <v>7464</v>
      </c>
      <c r="J31" s="19">
        <v>3504</v>
      </c>
      <c r="K31" s="19">
        <v>3960</v>
      </c>
    </row>
    <row r="32" spans="1:11" ht="15" customHeight="1">
      <c r="A32" s="17" t="s">
        <v>61</v>
      </c>
      <c r="B32" s="17"/>
      <c r="C32" s="13">
        <v>3931</v>
      </c>
      <c r="D32" s="19">
        <v>2211</v>
      </c>
      <c r="E32" s="19">
        <v>1720</v>
      </c>
      <c r="F32" s="19"/>
      <c r="G32" s="18" t="s">
        <v>62</v>
      </c>
      <c r="H32" s="17"/>
      <c r="I32" s="13">
        <v>5125</v>
      </c>
      <c r="J32" s="19">
        <v>2337</v>
      </c>
      <c r="K32" s="19">
        <v>2788</v>
      </c>
    </row>
    <row r="33" spans="1:11" ht="15" customHeight="1">
      <c r="A33" s="17" t="s">
        <v>63</v>
      </c>
      <c r="B33" s="17"/>
      <c r="C33" s="13">
        <v>3735</v>
      </c>
      <c r="D33" s="19">
        <v>2066</v>
      </c>
      <c r="E33" s="19">
        <v>1669</v>
      </c>
      <c r="F33" s="19"/>
      <c r="G33" s="18" t="s">
        <v>64</v>
      </c>
      <c r="H33" s="17"/>
      <c r="I33" s="13">
        <v>4532</v>
      </c>
      <c r="J33" s="19">
        <v>2024</v>
      </c>
      <c r="K33" s="19">
        <v>2508</v>
      </c>
    </row>
    <row r="34" spans="1:11" ht="15" customHeight="1">
      <c r="A34" s="17" t="s">
        <v>65</v>
      </c>
      <c r="B34" s="17"/>
      <c r="C34" s="13">
        <v>3656</v>
      </c>
      <c r="D34" s="19">
        <v>1973</v>
      </c>
      <c r="E34" s="19">
        <v>1683</v>
      </c>
      <c r="F34" s="19"/>
      <c r="G34" s="18" t="s">
        <v>66</v>
      </c>
      <c r="H34" s="17"/>
      <c r="I34" s="13">
        <v>5853</v>
      </c>
      <c r="J34" s="19">
        <v>2686</v>
      </c>
      <c r="K34" s="19">
        <v>3167</v>
      </c>
    </row>
    <row r="35" spans="1:11" ht="20.100000000000001" customHeight="1">
      <c r="A35" s="17" t="s">
        <v>67</v>
      </c>
      <c r="B35" s="17"/>
      <c r="C35" s="13">
        <v>17590</v>
      </c>
      <c r="D35" s="14">
        <v>9726</v>
      </c>
      <c r="E35" s="14">
        <v>7864</v>
      </c>
      <c r="F35" s="14"/>
      <c r="G35" s="18" t="s">
        <v>68</v>
      </c>
      <c r="H35" s="17"/>
      <c r="I35" s="13">
        <v>26822</v>
      </c>
      <c r="J35" s="14">
        <v>12297</v>
      </c>
      <c r="K35" s="14">
        <v>14525</v>
      </c>
    </row>
    <row r="36" spans="1:11" ht="15" customHeight="1">
      <c r="A36" s="17" t="s">
        <v>69</v>
      </c>
      <c r="B36" s="17"/>
      <c r="C36" s="13">
        <v>3747</v>
      </c>
      <c r="D36" s="19">
        <v>2143</v>
      </c>
      <c r="E36" s="19">
        <v>1604</v>
      </c>
      <c r="F36" s="19"/>
      <c r="G36" s="18" t="s">
        <v>70</v>
      </c>
      <c r="H36" s="17"/>
      <c r="I36" s="13">
        <v>5983</v>
      </c>
      <c r="J36" s="19">
        <v>2762</v>
      </c>
      <c r="K36" s="19">
        <v>3221</v>
      </c>
    </row>
    <row r="37" spans="1:11" ht="15" customHeight="1">
      <c r="A37" s="17" t="s">
        <v>71</v>
      </c>
      <c r="B37" s="17"/>
      <c r="C37" s="13">
        <v>3396</v>
      </c>
      <c r="D37" s="19">
        <v>1911</v>
      </c>
      <c r="E37" s="19">
        <v>1485</v>
      </c>
      <c r="F37" s="19"/>
      <c r="G37" s="18" t="s">
        <v>72</v>
      </c>
      <c r="H37" s="17"/>
      <c r="I37" s="13">
        <v>5744</v>
      </c>
      <c r="J37" s="19">
        <v>2699</v>
      </c>
      <c r="K37" s="19">
        <v>3045</v>
      </c>
    </row>
    <row r="38" spans="1:11" ht="15" customHeight="1">
      <c r="A38" s="17" t="s">
        <v>73</v>
      </c>
      <c r="B38" s="17"/>
      <c r="C38" s="13">
        <v>3498</v>
      </c>
      <c r="D38" s="19">
        <v>1949</v>
      </c>
      <c r="E38" s="19">
        <v>1549</v>
      </c>
      <c r="F38" s="19"/>
      <c r="G38" s="18" t="s">
        <v>74</v>
      </c>
      <c r="H38" s="17"/>
      <c r="I38" s="13">
        <v>5771</v>
      </c>
      <c r="J38" s="19">
        <v>2629</v>
      </c>
      <c r="K38" s="19">
        <v>3142</v>
      </c>
    </row>
    <row r="39" spans="1:11" ht="15" customHeight="1">
      <c r="A39" s="17" t="s">
        <v>75</v>
      </c>
      <c r="B39" s="17"/>
      <c r="C39" s="13">
        <v>3470</v>
      </c>
      <c r="D39" s="19">
        <v>1857</v>
      </c>
      <c r="E39" s="19">
        <v>1613</v>
      </c>
      <c r="F39" s="19"/>
      <c r="G39" s="18" t="s">
        <v>76</v>
      </c>
      <c r="H39" s="17"/>
      <c r="I39" s="13">
        <v>4967</v>
      </c>
      <c r="J39" s="19">
        <v>2226</v>
      </c>
      <c r="K39" s="19">
        <v>2741</v>
      </c>
    </row>
    <row r="40" spans="1:11" ht="15" customHeight="1">
      <c r="A40" s="17" t="s">
        <v>77</v>
      </c>
      <c r="B40" s="17"/>
      <c r="C40" s="13">
        <v>3479</v>
      </c>
      <c r="D40" s="19">
        <v>1866</v>
      </c>
      <c r="E40" s="19">
        <v>1613</v>
      </c>
      <c r="F40" s="19"/>
      <c r="G40" s="18" t="s">
        <v>78</v>
      </c>
      <c r="H40" s="17"/>
      <c r="I40" s="13">
        <v>4357</v>
      </c>
      <c r="J40" s="19">
        <v>1981</v>
      </c>
      <c r="K40" s="19">
        <v>2376</v>
      </c>
    </row>
    <row r="41" spans="1:11" ht="20.100000000000001" customHeight="1">
      <c r="A41" s="17" t="s">
        <v>79</v>
      </c>
      <c r="B41" s="17"/>
      <c r="C41" s="13">
        <v>18518</v>
      </c>
      <c r="D41" s="14">
        <v>9975</v>
      </c>
      <c r="E41" s="14">
        <v>8543</v>
      </c>
      <c r="F41" s="14"/>
      <c r="G41" s="18" t="s">
        <v>80</v>
      </c>
      <c r="H41" s="17"/>
      <c r="I41" s="13">
        <v>18996</v>
      </c>
      <c r="J41" s="14">
        <v>8180</v>
      </c>
      <c r="K41" s="14">
        <v>10816</v>
      </c>
    </row>
    <row r="42" spans="1:11" ht="15" customHeight="1">
      <c r="A42" s="17" t="s">
        <v>81</v>
      </c>
      <c r="B42" s="17"/>
      <c r="C42" s="13">
        <v>3642</v>
      </c>
      <c r="D42" s="19">
        <v>1985</v>
      </c>
      <c r="E42" s="19">
        <v>1657</v>
      </c>
      <c r="F42" s="19"/>
      <c r="G42" s="18" t="s">
        <v>82</v>
      </c>
      <c r="H42" s="17"/>
      <c r="I42" s="13">
        <v>3982</v>
      </c>
      <c r="J42" s="19">
        <v>1766</v>
      </c>
      <c r="K42" s="19">
        <v>2216</v>
      </c>
    </row>
    <row r="43" spans="1:11" ht="15" customHeight="1">
      <c r="A43" s="17" t="s">
        <v>83</v>
      </c>
      <c r="B43" s="17"/>
      <c r="C43" s="13">
        <v>3664</v>
      </c>
      <c r="D43" s="19">
        <v>1988</v>
      </c>
      <c r="E43" s="19">
        <v>1676</v>
      </c>
      <c r="F43" s="19"/>
      <c r="G43" s="18" t="s">
        <v>84</v>
      </c>
      <c r="H43" s="17"/>
      <c r="I43" s="13">
        <v>4116</v>
      </c>
      <c r="J43" s="19">
        <v>1807</v>
      </c>
      <c r="K43" s="19">
        <v>2309</v>
      </c>
    </row>
    <row r="44" spans="1:11" ht="15" customHeight="1">
      <c r="A44" s="17" t="s">
        <v>85</v>
      </c>
      <c r="B44" s="17"/>
      <c r="C44" s="13">
        <v>3637</v>
      </c>
      <c r="D44" s="19">
        <v>2005</v>
      </c>
      <c r="E44" s="19">
        <v>1632</v>
      </c>
      <c r="F44" s="19"/>
      <c r="G44" s="18" t="s">
        <v>86</v>
      </c>
      <c r="H44" s="17"/>
      <c r="I44" s="13">
        <v>3781</v>
      </c>
      <c r="J44" s="19">
        <v>1669</v>
      </c>
      <c r="K44" s="19">
        <v>2112</v>
      </c>
    </row>
    <row r="45" spans="1:11" ht="15" customHeight="1">
      <c r="A45" s="17" t="s">
        <v>87</v>
      </c>
      <c r="B45" s="17"/>
      <c r="C45" s="13">
        <v>3731</v>
      </c>
      <c r="D45" s="19">
        <v>1948</v>
      </c>
      <c r="E45" s="19">
        <v>1783</v>
      </c>
      <c r="F45" s="19"/>
      <c r="G45" s="18" t="s">
        <v>88</v>
      </c>
      <c r="H45" s="17"/>
      <c r="I45" s="13">
        <v>3905</v>
      </c>
      <c r="J45" s="19">
        <v>1634</v>
      </c>
      <c r="K45" s="19">
        <v>2271</v>
      </c>
    </row>
    <row r="46" spans="1:11" ht="15" customHeight="1">
      <c r="A46" s="17" t="s">
        <v>89</v>
      </c>
      <c r="B46" s="17"/>
      <c r="C46" s="13">
        <v>3844</v>
      </c>
      <c r="D46" s="19">
        <v>2049</v>
      </c>
      <c r="E46" s="19">
        <v>1795</v>
      </c>
      <c r="F46" s="19"/>
      <c r="G46" s="18" t="s">
        <v>90</v>
      </c>
      <c r="H46" s="17"/>
      <c r="I46" s="13">
        <v>3212</v>
      </c>
      <c r="J46" s="19">
        <v>1304</v>
      </c>
      <c r="K46" s="19">
        <v>1908</v>
      </c>
    </row>
    <row r="47" spans="1:11" ht="20.100000000000001" customHeight="1">
      <c r="A47" s="17" t="s">
        <v>91</v>
      </c>
      <c r="B47" s="17"/>
      <c r="C47" s="13">
        <v>20884</v>
      </c>
      <c r="D47" s="14">
        <v>10968</v>
      </c>
      <c r="E47" s="14">
        <v>9916</v>
      </c>
      <c r="F47" s="14"/>
      <c r="G47" s="18" t="s">
        <v>92</v>
      </c>
      <c r="H47" s="17"/>
      <c r="I47" s="13">
        <v>11626</v>
      </c>
      <c r="J47" s="14">
        <v>4343</v>
      </c>
      <c r="K47" s="14">
        <v>7283</v>
      </c>
    </row>
    <row r="48" spans="1:11" ht="15" customHeight="1">
      <c r="A48" s="17" t="s">
        <v>93</v>
      </c>
      <c r="B48" s="17"/>
      <c r="C48" s="13">
        <v>4025</v>
      </c>
      <c r="D48" s="19">
        <v>2139</v>
      </c>
      <c r="E48" s="19">
        <v>1886</v>
      </c>
      <c r="F48" s="19"/>
      <c r="G48" s="18" t="s">
        <v>94</v>
      </c>
      <c r="H48" s="17"/>
      <c r="I48" s="13">
        <v>3079</v>
      </c>
      <c r="J48" s="19">
        <v>1254</v>
      </c>
      <c r="K48" s="19">
        <v>1825</v>
      </c>
    </row>
    <row r="49" spans="1:11" ht="15" customHeight="1">
      <c r="A49" s="17" t="s">
        <v>95</v>
      </c>
      <c r="B49" s="17"/>
      <c r="C49" s="13">
        <v>3987</v>
      </c>
      <c r="D49" s="19">
        <v>2123</v>
      </c>
      <c r="E49" s="19">
        <v>1864</v>
      </c>
      <c r="F49" s="19"/>
      <c r="G49" s="18" t="s">
        <v>96</v>
      </c>
      <c r="H49" s="17"/>
      <c r="I49" s="13">
        <v>2599</v>
      </c>
      <c r="J49" s="19">
        <v>1004</v>
      </c>
      <c r="K49" s="19">
        <v>1595</v>
      </c>
    </row>
    <row r="50" spans="1:11" ht="15" customHeight="1">
      <c r="A50" s="17" t="s">
        <v>97</v>
      </c>
      <c r="B50" s="17"/>
      <c r="C50" s="13">
        <v>4044</v>
      </c>
      <c r="D50" s="19">
        <v>2100</v>
      </c>
      <c r="E50" s="19">
        <v>1944</v>
      </c>
      <c r="F50" s="19"/>
      <c r="G50" s="18" t="s">
        <v>98</v>
      </c>
      <c r="H50" s="17"/>
      <c r="I50" s="13">
        <v>2321</v>
      </c>
      <c r="J50" s="19">
        <v>847</v>
      </c>
      <c r="K50" s="19">
        <v>1474</v>
      </c>
    </row>
    <row r="51" spans="1:11" ht="15" customHeight="1">
      <c r="A51" s="17" t="s">
        <v>99</v>
      </c>
      <c r="B51" s="17"/>
      <c r="C51" s="13">
        <v>4223</v>
      </c>
      <c r="D51" s="19">
        <v>2141</v>
      </c>
      <c r="E51" s="19">
        <v>2082</v>
      </c>
      <c r="F51" s="19"/>
      <c r="G51" s="18" t="s">
        <v>100</v>
      </c>
      <c r="H51" s="17"/>
      <c r="I51" s="13">
        <v>1955</v>
      </c>
      <c r="J51" s="19">
        <v>682</v>
      </c>
      <c r="K51" s="19">
        <v>1273</v>
      </c>
    </row>
    <row r="52" spans="1:11" ht="15" customHeight="1">
      <c r="A52" s="17" t="s">
        <v>101</v>
      </c>
      <c r="B52" s="17"/>
      <c r="C52" s="13">
        <v>4605</v>
      </c>
      <c r="D52" s="19">
        <v>2465</v>
      </c>
      <c r="E52" s="19">
        <v>2140</v>
      </c>
      <c r="F52" s="19"/>
      <c r="G52" s="18" t="s">
        <v>102</v>
      </c>
      <c r="H52" s="17"/>
      <c r="I52" s="13">
        <v>1672</v>
      </c>
      <c r="J52" s="19">
        <v>556</v>
      </c>
      <c r="K52" s="19">
        <v>1116</v>
      </c>
    </row>
    <row r="53" spans="1:11" ht="20.100000000000001" customHeight="1">
      <c r="A53" s="17" t="s">
        <v>103</v>
      </c>
      <c r="B53" s="17"/>
      <c r="C53" s="13">
        <v>26730</v>
      </c>
      <c r="D53" s="14">
        <v>13925</v>
      </c>
      <c r="E53" s="14">
        <v>12805</v>
      </c>
      <c r="F53" s="14"/>
      <c r="G53" s="18" t="s">
        <v>104</v>
      </c>
      <c r="H53" s="17"/>
      <c r="I53" s="13">
        <v>5188</v>
      </c>
      <c r="J53" s="14">
        <v>1500</v>
      </c>
      <c r="K53" s="14">
        <v>3688</v>
      </c>
    </row>
    <row r="54" spans="1:11" ht="15" customHeight="1">
      <c r="A54" s="17" t="s">
        <v>105</v>
      </c>
      <c r="B54" s="17"/>
      <c r="C54" s="13">
        <v>4721</v>
      </c>
      <c r="D54" s="19">
        <v>2463</v>
      </c>
      <c r="E54" s="19">
        <v>2258</v>
      </c>
      <c r="F54" s="19"/>
      <c r="G54" s="18" t="s">
        <v>106</v>
      </c>
      <c r="H54" s="17"/>
      <c r="I54" s="13">
        <v>1455</v>
      </c>
      <c r="J54" s="19">
        <v>450</v>
      </c>
      <c r="K54" s="19">
        <v>1005</v>
      </c>
    </row>
    <row r="55" spans="1:11" ht="15" customHeight="1">
      <c r="A55" s="17" t="s">
        <v>107</v>
      </c>
      <c r="B55" s="17"/>
      <c r="C55" s="13">
        <v>4981</v>
      </c>
      <c r="D55" s="19">
        <v>2613</v>
      </c>
      <c r="E55" s="19">
        <v>2368</v>
      </c>
      <c r="F55" s="19"/>
      <c r="G55" s="18" t="s">
        <v>108</v>
      </c>
      <c r="H55" s="17"/>
      <c r="I55" s="13">
        <v>1310</v>
      </c>
      <c r="J55" s="19">
        <v>424</v>
      </c>
      <c r="K55" s="19">
        <v>886</v>
      </c>
    </row>
    <row r="56" spans="1:11" ht="15" customHeight="1">
      <c r="A56" s="17" t="s">
        <v>109</v>
      </c>
      <c r="B56" s="17"/>
      <c r="C56" s="13">
        <v>5391</v>
      </c>
      <c r="D56" s="19">
        <v>2835</v>
      </c>
      <c r="E56" s="19">
        <v>2556</v>
      </c>
      <c r="F56" s="19"/>
      <c r="G56" s="18" t="s">
        <v>110</v>
      </c>
      <c r="H56" s="17"/>
      <c r="I56" s="13">
        <v>942</v>
      </c>
      <c r="J56" s="19">
        <v>297</v>
      </c>
      <c r="K56" s="19">
        <v>645</v>
      </c>
    </row>
    <row r="57" spans="1:11" ht="15" customHeight="1">
      <c r="A57" s="17" t="s">
        <v>111</v>
      </c>
      <c r="B57" s="17"/>
      <c r="C57" s="13">
        <v>5643</v>
      </c>
      <c r="D57" s="19">
        <v>2921</v>
      </c>
      <c r="E57" s="19">
        <v>2722</v>
      </c>
      <c r="F57" s="19"/>
      <c r="G57" s="18" t="s">
        <v>112</v>
      </c>
      <c r="H57" s="17"/>
      <c r="I57" s="13">
        <v>877</v>
      </c>
      <c r="J57" s="19">
        <v>217</v>
      </c>
      <c r="K57" s="19">
        <v>660</v>
      </c>
    </row>
    <row r="58" spans="1:11" ht="15" customHeight="1">
      <c r="A58" s="17" t="s">
        <v>113</v>
      </c>
      <c r="B58" s="17"/>
      <c r="C58" s="13">
        <v>5994</v>
      </c>
      <c r="D58" s="19">
        <v>3093</v>
      </c>
      <c r="E58" s="19">
        <v>2901</v>
      </c>
      <c r="F58" s="19"/>
      <c r="G58" s="18" t="s">
        <v>114</v>
      </c>
      <c r="H58" s="17"/>
      <c r="I58" s="13">
        <v>604</v>
      </c>
      <c r="J58" s="19">
        <v>112</v>
      </c>
      <c r="K58" s="19">
        <v>492</v>
      </c>
    </row>
    <row r="59" spans="1:11" ht="20.100000000000001" customHeight="1">
      <c r="A59" s="17" t="s">
        <v>115</v>
      </c>
      <c r="B59" s="17"/>
      <c r="C59" s="13">
        <v>31306</v>
      </c>
      <c r="D59" s="14">
        <v>16266</v>
      </c>
      <c r="E59" s="14">
        <v>15040</v>
      </c>
      <c r="F59" s="14"/>
      <c r="G59" s="18" t="s">
        <v>116</v>
      </c>
      <c r="H59" s="17"/>
      <c r="I59" s="13">
        <v>1458</v>
      </c>
      <c r="J59" s="14">
        <v>282</v>
      </c>
      <c r="K59" s="14">
        <v>1176</v>
      </c>
    </row>
    <row r="60" spans="1:11" ht="15" customHeight="1">
      <c r="A60" s="17" t="s">
        <v>117</v>
      </c>
      <c r="B60" s="17"/>
      <c r="C60" s="13">
        <v>6346</v>
      </c>
      <c r="D60" s="19">
        <v>3276</v>
      </c>
      <c r="E60" s="19">
        <v>3070</v>
      </c>
      <c r="F60" s="19"/>
      <c r="G60" s="18" t="s">
        <v>118</v>
      </c>
      <c r="H60" s="17"/>
      <c r="I60" s="13">
        <v>500</v>
      </c>
      <c r="J60" s="19">
        <v>119</v>
      </c>
      <c r="K60" s="19">
        <v>381</v>
      </c>
    </row>
    <row r="61" spans="1:11" ht="15" customHeight="1">
      <c r="A61" s="17" t="s">
        <v>119</v>
      </c>
      <c r="B61" s="17"/>
      <c r="C61" s="13">
        <v>6481</v>
      </c>
      <c r="D61" s="19">
        <v>3379</v>
      </c>
      <c r="E61" s="19">
        <v>3102</v>
      </c>
      <c r="F61" s="19"/>
      <c r="G61" s="18" t="s">
        <v>120</v>
      </c>
      <c r="H61" s="17"/>
      <c r="I61" s="13">
        <v>363</v>
      </c>
      <c r="J61" s="19">
        <v>77</v>
      </c>
      <c r="K61" s="19">
        <v>286</v>
      </c>
    </row>
    <row r="62" spans="1:11" ht="15" customHeight="1">
      <c r="A62" s="17" t="s">
        <v>121</v>
      </c>
      <c r="B62" s="17"/>
      <c r="C62" s="13">
        <v>6371</v>
      </c>
      <c r="D62" s="19">
        <v>3327</v>
      </c>
      <c r="E62" s="19">
        <v>3044</v>
      </c>
      <c r="F62" s="19"/>
      <c r="G62" s="18" t="s">
        <v>122</v>
      </c>
      <c r="H62" s="17"/>
      <c r="I62" s="13">
        <v>260</v>
      </c>
      <c r="J62" s="19">
        <v>33</v>
      </c>
      <c r="K62" s="19">
        <v>227</v>
      </c>
    </row>
    <row r="63" spans="1:11" ht="15" customHeight="1">
      <c r="A63" s="17" t="s">
        <v>123</v>
      </c>
      <c r="B63" s="17"/>
      <c r="C63" s="13">
        <v>6226</v>
      </c>
      <c r="D63" s="19">
        <v>3213</v>
      </c>
      <c r="E63" s="19">
        <v>3013</v>
      </c>
      <c r="F63" s="19"/>
      <c r="G63" s="18" t="s">
        <v>124</v>
      </c>
      <c r="H63" s="17"/>
      <c r="I63" s="13">
        <v>196</v>
      </c>
      <c r="J63" s="19">
        <v>38</v>
      </c>
      <c r="K63" s="19">
        <v>158</v>
      </c>
    </row>
    <row r="64" spans="1:11" ht="15" customHeight="1">
      <c r="A64" s="17" t="s">
        <v>125</v>
      </c>
      <c r="B64" s="17"/>
      <c r="C64" s="13">
        <v>5882</v>
      </c>
      <c r="D64" s="19">
        <v>3071</v>
      </c>
      <c r="E64" s="19">
        <v>2811</v>
      </c>
      <c r="F64" s="19"/>
      <c r="G64" s="18" t="s">
        <v>126</v>
      </c>
      <c r="H64" s="17"/>
      <c r="I64" s="13">
        <v>139</v>
      </c>
      <c r="J64" s="19">
        <v>15</v>
      </c>
      <c r="K64" s="19">
        <v>12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20</v>
      </c>
      <c r="J65" s="19">
        <v>55</v>
      </c>
      <c r="K65" s="19">
        <v>26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43</v>
      </c>
      <c r="J66" s="29">
        <v>951</v>
      </c>
      <c r="K66" s="29">
        <v>49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0" pageOrder="overThenDown" orientation="portrait" blackAndWhite="1" useFirstPageNumber="1" horizontalDpi="300" verticalDpi="300"/>
  <headerFooter scaleWithDoc="0"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2254</v>
      </c>
      <c r="D4" s="14">
        <v>81009</v>
      </c>
      <c r="E4" s="14">
        <v>9124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670</v>
      </c>
      <c r="D5" s="14">
        <v>2888</v>
      </c>
      <c r="E5" s="14">
        <v>2782</v>
      </c>
      <c r="F5" s="14"/>
      <c r="G5" s="18" t="s">
        <v>8</v>
      </c>
      <c r="H5" s="17"/>
      <c r="I5" s="13">
        <v>13627</v>
      </c>
      <c r="J5" s="14">
        <v>6858</v>
      </c>
      <c r="K5" s="14">
        <v>6769</v>
      </c>
    </row>
    <row r="6" spans="1:11" ht="15" customHeight="1">
      <c r="A6" s="17" t="s">
        <v>9</v>
      </c>
      <c r="B6" s="17"/>
      <c r="C6" s="13">
        <v>1028</v>
      </c>
      <c r="D6" s="19">
        <v>498</v>
      </c>
      <c r="E6" s="19">
        <v>530</v>
      </c>
      <c r="F6" s="19"/>
      <c r="G6" s="18" t="s">
        <v>10</v>
      </c>
      <c r="H6" s="17"/>
      <c r="I6" s="13">
        <v>3047</v>
      </c>
      <c r="J6" s="19">
        <v>1538</v>
      </c>
      <c r="K6" s="19">
        <v>1509</v>
      </c>
    </row>
    <row r="7" spans="1:11" ht="15" customHeight="1">
      <c r="A7" s="17" t="s">
        <v>11</v>
      </c>
      <c r="B7" s="17"/>
      <c r="C7" s="13">
        <v>1073</v>
      </c>
      <c r="D7" s="19">
        <v>543</v>
      </c>
      <c r="E7" s="19">
        <v>530</v>
      </c>
      <c r="F7" s="19"/>
      <c r="G7" s="18" t="s">
        <v>12</v>
      </c>
      <c r="H7" s="17"/>
      <c r="I7" s="13">
        <v>2966</v>
      </c>
      <c r="J7" s="19">
        <v>1468</v>
      </c>
      <c r="K7" s="19">
        <v>1498</v>
      </c>
    </row>
    <row r="8" spans="1:11" ht="15" customHeight="1">
      <c r="A8" s="17" t="s">
        <v>13</v>
      </c>
      <c r="B8" s="17"/>
      <c r="C8" s="13">
        <v>1210</v>
      </c>
      <c r="D8" s="19">
        <v>626</v>
      </c>
      <c r="E8" s="19">
        <v>584</v>
      </c>
      <c r="F8" s="19"/>
      <c r="G8" s="18" t="s">
        <v>14</v>
      </c>
      <c r="H8" s="17"/>
      <c r="I8" s="13">
        <v>2280</v>
      </c>
      <c r="J8" s="19">
        <v>1153</v>
      </c>
      <c r="K8" s="19">
        <v>1127</v>
      </c>
    </row>
    <row r="9" spans="1:11" ht="15" customHeight="1">
      <c r="A9" s="17" t="s">
        <v>15</v>
      </c>
      <c r="B9" s="17"/>
      <c r="C9" s="13">
        <v>1168</v>
      </c>
      <c r="D9" s="19">
        <v>612</v>
      </c>
      <c r="E9" s="19">
        <v>556</v>
      </c>
      <c r="F9" s="19"/>
      <c r="G9" s="18" t="s">
        <v>16</v>
      </c>
      <c r="H9" s="17"/>
      <c r="I9" s="13">
        <v>2782</v>
      </c>
      <c r="J9" s="19">
        <v>1378</v>
      </c>
      <c r="K9" s="19">
        <v>1404</v>
      </c>
    </row>
    <row r="10" spans="1:11" ht="15" customHeight="1">
      <c r="A10" s="17" t="s">
        <v>17</v>
      </c>
      <c r="B10" s="17"/>
      <c r="C10" s="13">
        <v>1191</v>
      </c>
      <c r="D10" s="19">
        <v>609</v>
      </c>
      <c r="E10" s="19">
        <v>582</v>
      </c>
      <c r="F10" s="19"/>
      <c r="G10" s="18" t="s">
        <v>18</v>
      </c>
      <c r="H10" s="17"/>
      <c r="I10" s="13">
        <v>2552</v>
      </c>
      <c r="J10" s="19">
        <v>1321</v>
      </c>
      <c r="K10" s="19">
        <v>1231</v>
      </c>
    </row>
    <row r="11" spans="1:11" ht="20.100000000000001" customHeight="1">
      <c r="A11" s="17" t="s">
        <v>19</v>
      </c>
      <c r="B11" s="17"/>
      <c r="C11" s="13">
        <v>6877</v>
      </c>
      <c r="D11" s="14">
        <v>3501</v>
      </c>
      <c r="E11" s="14">
        <v>3376</v>
      </c>
      <c r="F11" s="14"/>
      <c r="G11" s="18" t="s">
        <v>20</v>
      </c>
      <c r="H11" s="17"/>
      <c r="I11" s="13">
        <v>10965</v>
      </c>
      <c r="J11" s="14">
        <v>5521</v>
      </c>
      <c r="K11" s="14">
        <v>5444</v>
      </c>
    </row>
    <row r="12" spans="1:11" ht="15" customHeight="1">
      <c r="A12" s="17" t="s">
        <v>21</v>
      </c>
      <c r="B12" s="17"/>
      <c r="C12" s="13">
        <v>1298</v>
      </c>
      <c r="D12" s="19">
        <v>667</v>
      </c>
      <c r="E12" s="19">
        <v>631</v>
      </c>
      <c r="F12" s="19"/>
      <c r="G12" s="18" t="s">
        <v>22</v>
      </c>
      <c r="H12" s="17"/>
      <c r="I12" s="13">
        <v>2442</v>
      </c>
      <c r="J12" s="19">
        <v>1212</v>
      </c>
      <c r="K12" s="19">
        <v>1230</v>
      </c>
    </row>
    <row r="13" spans="1:11" ht="15" customHeight="1">
      <c r="A13" s="17" t="s">
        <v>23</v>
      </c>
      <c r="B13" s="17"/>
      <c r="C13" s="13">
        <v>1349</v>
      </c>
      <c r="D13" s="19">
        <v>670</v>
      </c>
      <c r="E13" s="19">
        <v>679</v>
      </c>
      <c r="F13" s="19"/>
      <c r="G13" s="18" t="s">
        <v>24</v>
      </c>
      <c r="H13" s="17"/>
      <c r="I13" s="13">
        <v>2246</v>
      </c>
      <c r="J13" s="19">
        <v>1166</v>
      </c>
      <c r="K13" s="19">
        <v>1080</v>
      </c>
    </row>
    <row r="14" spans="1:11" ht="15" customHeight="1">
      <c r="A14" s="17" t="s">
        <v>25</v>
      </c>
      <c r="B14" s="17"/>
      <c r="C14" s="13">
        <v>1362</v>
      </c>
      <c r="D14" s="19">
        <v>698</v>
      </c>
      <c r="E14" s="19">
        <v>664</v>
      </c>
      <c r="F14" s="19"/>
      <c r="G14" s="18" t="s">
        <v>26</v>
      </c>
      <c r="H14" s="17"/>
      <c r="I14" s="13">
        <v>2153</v>
      </c>
      <c r="J14" s="19">
        <v>1087</v>
      </c>
      <c r="K14" s="19">
        <v>1066</v>
      </c>
    </row>
    <row r="15" spans="1:11" ht="15" customHeight="1">
      <c r="A15" s="17" t="s">
        <v>27</v>
      </c>
      <c r="B15" s="17"/>
      <c r="C15" s="13">
        <v>1446</v>
      </c>
      <c r="D15" s="19">
        <v>736</v>
      </c>
      <c r="E15" s="19">
        <v>710</v>
      </c>
      <c r="F15" s="19"/>
      <c r="G15" s="18" t="s">
        <v>28</v>
      </c>
      <c r="H15" s="17"/>
      <c r="I15" s="13">
        <v>2162</v>
      </c>
      <c r="J15" s="19">
        <v>1068</v>
      </c>
      <c r="K15" s="19">
        <v>1094</v>
      </c>
    </row>
    <row r="16" spans="1:11" ht="15" customHeight="1">
      <c r="A16" s="17" t="s">
        <v>29</v>
      </c>
      <c r="B16" s="17"/>
      <c r="C16" s="13">
        <v>1422</v>
      </c>
      <c r="D16" s="19">
        <v>730</v>
      </c>
      <c r="E16" s="19">
        <v>692</v>
      </c>
      <c r="F16" s="19"/>
      <c r="G16" s="18" t="s">
        <v>30</v>
      </c>
      <c r="H16" s="17"/>
      <c r="I16" s="13">
        <v>1962</v>
      </c>
      <c r="J16" s="19">
        <v>988</v>
      </c>
      <c r="K16" s="19">
        <v>974</v>
      </c>
    </row>
    <row r="17" spans="1:11" ht="20.100000000000001" customHeight="1">
      <c r="A17" s="20" t="s">
        <v>31</v>
      </c>
      <c r="B17" s="20"/>
      <c r="C17" s="13">
        <v>7306</v>
      </c>
      <c r="D17" s="14">
        <v>3693</v>
      </c>
      <c r="E17" s="14">
        <v>3613</v>
      </c>
      <c r="F17" s="14"/>
      <c r="G17" s="18" t="s">
        <v>32</v>
      </c>
      <c r="H17" s="17"/>
      <c r="I17" s="13">
        <v>9152</v>
      </c>
      <c r="J17" s="14">
        <v>4470</v>
      </c>
      <c r="K17" s="14">
        <v>4682</v>
      </c>
    </row>
    <row r="18" spans="1:11" ht="15" customHeight="1">
      <c r="A18" s="17" t="s">
        <v>33</v>
      </c>
      <c r="B18" s="17"/>
      <c r="C18" s="13">
        <v>1437</v>
      </c>
      <c r="D18" s="19">
        <v>759</v>
      </c>
      <c r="E18" s="19">
        <v>678</v>
      </c>
      <c r="F18" s="19"/>
      <c r="G18" s="18" t="s">
        <v>34</v>
      </c>
      <c r="H18" s="17"/>
      <c r="I18" s="13">
        <v>1927</v>
      </c>
      <c r="J18" s="19">
        <v>970</v>
      </c>
      <c r="K18" s="19">
        <v>957</v>
      </c>
    </row>
    <row r="19" spans="1:11" ht="15" customHeight="1">
      <c r="A19" s="17" t="s">
        <v>35</v>
      </c>
      <c r="B19" s="17"/>
      <c r="C19" s="13">
        <v>1496</v>
      </c>
      <c r="D19" s="19">
        <v>766</v>
      </c>
      <c r="E19" s="19">
        <v>730</v>
      </c>
      <c r="F19" s="19"/>
      <c r="G19" s="18" t="s">
        <v>36</v>
      </c>
      <c r="H19" s="17"/>
      <c r="I19" s="13">
        <v>1791</v>
      </c>
      <c r="J19" s="19">
        <v>913</v>
      </c>
      <c r="K19" s="19">
        <v>878</v>
      </c>
    </row>
    <row r="20" spans="1:11" ht="15" customHeight="1">
      <c r="A20" s="17" t="s">
        <v>37</v>
      </c>
      <c r="B20" s="17"/>
      <c r="C20" s="13">
        <v>1484</v>
      </c>
      <c r="D20" s="19">
        <v>732</v>
      </c>
      <c r="E20" s="19">
        <v>752</v>
      </c>
      <c r="F20" s="19"/>
      <c r="G20" s="18" t="s">
        <v>38</v>
      </c>
      <c r="H20" s="17"/>
      <c r="I20" s="13">
        <v>1760</v>
      </c>
      <c r="J20" s="19">
        <v>853</v>
      </c>
      <c r="K20" s="19">
        <v>907</v>
      </c>
    </row>
    <row r="21" spans="1:11" ht="15" customHeight="1">
      <c r="A21" s="17" t="s">
        <v>39</v>
      </c>
      <c r="B21" s="17"/>
      <c r="C21" s="13">
        <v>1445</v>
      </c>
      <c r="D21" s="19">
        <v>680</v>
      </c>
      <c r="E21" s="19">
        <v>765</v>
      </c>
      <c r="F21" s="19"/>
      <c r="G21" s="18" t="s">
        <v>40</v>
      </c>
      <c r="H21" s="17"/>
      <c r="I21" s="13">
        <v>1887</v>
      </c>
      <c r="J21" s="19">
        <v>867</v>
      </c>
      <c r="K21" s="19">
        <v>1020</v>
      </c>
    </row>
    <row r="22" spans="1:11" ht="15" customHeight="1">
      <c r="A22" s="17" t="s">
        <v>41</v>
      </c>
      <c r="B22" s="17"/>
      <c r="C22" s="13">
        <v>1444</v>
      </c>
      <c r="D22" s="19">
        <v>756</v>
      </c>
      <c r="E22" s="19">
        <v>688</v>
      </c>
      <c r="F22" s="19"/>
      <c r="G22" s="18" t="s">
        <v>42</v>
      </c>
      <c r="H22" s="17"/>
      <c r="I22" s="13">
        <v>1787</v>
      </c>
      <c r="J22" s="19">
        <v>867</v>
      </c>
      <c r="K22" s="19">
        <v>920</v>
      </c>
    </row>
    <row r="23" spans="1:11" ht="20.100000000000001" customHeight="1">
      <c r="A23" s="17" t="s">
        <v>43</v>
      </c>
      <c r="B23" s="17"/>
      <c r="C23" s="13">
        <v>7713</v>
      </c>
      <c r="D23" s="14">
        <v>3878</v>
      </c>
      <c r="E23" s="14">
        <v>3835</v>
      </c>
      <c r="F23" s="14"/>
      <c r="G23" s="18" t="s">
        <v>44</v>
      </c>
      <c r="H23" s="17"/>
      <c r="I23" s="13">
        <v>11288</v>
      </c>
      <c r="J23" s="14">
        <v>5197</v>
      </c>
      <c r="K23" s="14">
        <v>6091</v>
      </c>
    </row>
    <row r="24" spans="1:11" ht="15" customHeight="1">
      <c r="A24" s="17" t="s">
        <v>45</v>
      </c>
      <c r="B24" s="17"/>
      <c r="C24" s="13">
        <v>1586</v>
      </c>
      <c r="D24" s="19">
        <v>818</v>
      </c>
      <c r="E24" s="19">
        <v>768</v>
      </c>
      <c r="F24" s="19"/>
      <c r="G24" s="18" t="s">
        <v>46</v>
      </c>
      <c r="H24" s="17"/>
      <c r="I24" s="13">
        <v>1936</v>
      </c>
      <c r="J24" s="19">
        <v>920</v>
      </c>
      <c r="K24" s="19">
        <v>1016</v>
      </c>
    </row>
    <row r="25" spans="1:11" ht="15" customHeight="1">
      <c r="A25" s="17" t="s">
        <v>47</v>
      </c>
      <c r="B25" s="17"/>
      <c r="C25" s="13">
        <v>1485</v>
      </c>
      <c r="D25" s="19">
        <v>714</v>
      </c>
      <c r="E25" s="19">
        <v>771</v>
      </c>
      <c r="F25" s="19"/>
      <c r="G25" s="18" t="s">
        <v>48</v>
      </c>
      <c r="H25" s="17"/>
      <c r="I25" s="13">
        <v>2000</v>
      </c>
      <c r="J25" s="19">
        <v>907</v>
      </c>
      <c r="K25" s="19">
        <v>1093</v>
      </c>
    </row>
    <row r="26" spans="1:11" ht="15" customHeight="1">
      <c r="A26" s="17" t="s">
        <v>49</v>
      </c>
      <c r="B26" s="17"/>
      <c r="C26" s="13">
        <v>1486</v>
      </c>
      <c r="D26" s="19">
        <v>768</v>
      </c>
      <c r="E26" s="19">
        <v>718</v>
      </c>
      <c r="F26" s="19"/>
      <c r="G26" s="18" t="s">
        <v>50</v>
      </c>
      <c r="H26" s="17"/>
      <c r="I26" s="13">
        <v>2231</v>
      </c>
      <c r="J26" s="19">
        <v>1025</v>
      </c>
      <c r="K26" s="19">
        <v>1206</v>
      </c>
    </row>
    <row r="27" spans="1:11" ht="15" customHeight="1">
      <c r="A27" s="17" t="s">
        <v>51</v>
      </c>
      <c r="B27" s="17"/>
      <c r="C27" s="13">
        <v>1651</v>
      </c>
      <c r="D27" s="19">
        <v>839</v>
      </c>
      <c r="E27" s="19">
        <v>812</v>
      </c>
      <c r="F27" s="19"/>
      <c r="G27" s="18" t="s">
        <v>52</v>
      </c>
      <c r="H27" s="17"/>
      <c r="I27" s="13">
        <v>2351</v>
      </c>
      <c r="J27" s="19">
        <v>1092</v>
      </c>
      <c r="K27" s="19">
        <v>1259</v>
      </c>
    </row>
    <row r="28" spans="1:11" ht="15" customHeight="1">
      <c r="A28" s="17" t="s">
        <v>53</v>
      </c>
      <c r="B28" s="17"/>
      <c r="C28" s="13">
        <v>1505</v>
      </c>
      <c r="D28" s="19">
        <v>739</v>
      </c>
      <c r="E28" s="19">
        <v>766</v>
      </c>
      <c r="F28" s="19"/>
      <c r="G28" s="18" t="s">
        <v>54</v>
      </c>
      <c r="H28" s="17"/>
      <c r="I28" s="13">
        <v>2770</v>
      </c>
      <c r="J28" s="19">
        <v>1253</v>
      </c>
      <c r="K28" s="19">
        <v>1517</v>
      </c>
    </row>
    <row r="29" spans="1:11" ht="20.100000000000001" customHeight="1">
      <c r="A29" s="17" t="s">
        <v>55</v>
      </c>
      <c r="B29" s="17"/>
      <c r="C29" s="13">
        <v>7025</v>
      </c>
      <c r="D29" s="14">
        <v>3390</v>
      </c>
      <c r="E29" s="14">
        <v>3635</v>
      </c>
      <c r="F29" s="14"/>
      <c r="G29" s="18" t="s">
        <v>56</v>
      </c>
      <c r="H29" s="17"/>
      <c r="I29" s="13">
        <v>12304</v>
      </c>
      <c r="J29" s="14">
        <v>5454</v>
      </c>
      <c r="K29" s="14">
        <v>6850</v>
      </c>
    </row>
    <row r="30" spans="1:11" ht="15" customHeight="1">
      <c r="A30" s="17" t="s">
        <v>57</v>
      </c>
      <c r="B30" s="17"/>
      <c r="C30" s="13">
        <v>1465</v>
      </c>
      <c r="D30" s="19">
        <v>720</v>
      </c>
      <c r="E30" s="19">
        <v>745</v>
      </c>
      <c r="F30" s="19"/>
      <c r="G30" s="18" t="s">
        <v>58</v>
      </c>
      <c r="H30" s="17"/>
      <c r="I30" s="13">
        <v>2900</v>
      </c>
      <c r="J30" s="19">
        <v>1296</v>
      </c>
      <c r="K30" s="19">
        <v>1604</v>
      </c>
    </row>
    <row r="31" spans="1:11" ht="15" customHeight="1">
      <c r="A31" s="17" t="s">
        <v>59</v>
      </c>
      <c r="B31" s="17"/>
      <c r="C31" s="13">
        <v>1438</v>
      </c>
      <c r="D31" s="19">
        <v>717</v>
      </c>
      <c r="E31" s="19">
        <v>721</v>
      </c>
      <c r="F31" s="19"/>
      <c r="G31" s="18" t="s">
        <v>60</v>
      </c>
      <c r="H31" s="17"/>
      <c r="I31" s="13">
        <v>3049</v>
      </c>
      <c r="J31" s="19">
        <v>1402</v>
      </c>
      <c r="K31" s="19">
        <v>1647</v>
      </c>
    </row>
    <row r="32" spans="1:11" ht="15" customHeight="1">
      <c r="A32" s="17" t="s">
        <v>61</v>
      </c>
      <c r="B32" s="17"/>
      <c r="C32" s="13">
        <v>1488</v>
      </c>
      <c r="D32" s="19">
        <v>713</v>
      </c>
      <c r="E32" s="19">
        <v>775</v>
      </c>
      <c r="F32" s="19"/>
      <c r="G32" s="18" t="s">
        <v>62</v>
      </c>
      <c r="H32" s="17"/>
      <c r="I32" s="13">
        <v>2115</v>
      </c>
      <c r="J32" s="19">
        <v>929</v>
      </c>
      <c r="K32" s="19">
        <v>1186</v>
      </c>
    </row>
    <row r="33" spans="1:11" ht="15" customHeight="1">
      <c r="A33" s="17" t="s">
        <v>63</v>
      </c>
      <c r="B33" s="17"/>
      <c r="C33" s="13">
        <v>1257</v>
      </c>
      <c r="D33" s="19">
        <v>614</v>
      </c>
      <c r="E33" s="19">
        <v>643</v>
      </c>
      <c r="F33" s="19"/>
      <c r="G33" s="18" t="s">
        <v>64</v>
      </c>
      <c r="H33" s="17"/>
      <c r="I33" s="13">
        <v>1934</v>
      </c>
      <c r="J33" s="19">
        <v>844</v>
      </c>
      <c r="K33" s="19">
        <v>1090</v>
      </c>
    </row>
    <row r="34" spans="1:11" ht="15" customHeight="1">
      <c r="A34" s="17" t="s">
        <v>65</v>
      </c>
      <c r="B34" s="17"/>
      <c r="C34" s="13">
        <v>1377</v>
      </c>
      <c r="D34" s="19">
        <v>626</v>
      </c>
      <c r="E34" s="19">
        <v>751</v>
      </c>
      <c r="F34" s="19"/>
      <c r="G34" s="18" t="s">
        <v>66</v>
      </c>
      <c r="H34" s="17"/>
      <c r="I34" s="13">
        <v>2306</v>
      </c>
      <c r="J34" s="19">
        <v>983</v>
      </c>
      <c r="K34" s="19">
        <v>1323</v>
      </c>
    </row>
    <row r="35" spans="1:11" ht="20.100000000000001" customHeight="1">
      <c r="A35" s="17" t="s">
        <v>67</v>
      </c>
      <c r="B35" s="17"/>
      <c r="C35" s="13">
        <v>5995</v>
      </c>
      <c r="D35" s="14">
        <v>2909</v>
      </c>
      <c r="E35" s="14">
        <v>3086</v>
      </c>
      <c r="F35" s="14"/>
      <c r="G35" s="18" t="s">
        <v>68</v>
      </c>
      <c r="H35" s="17"/>
      <c r="I35" s="13">
        <v>11183</v>
      </c>
      <c r="J35" s="14">
        <v>4764</v>
      </c>
      <c r="K35" s="14">
        <v>6419</v>
      </c>
    </row>
    <row r="36" spans="1:11" ht="15" customHeight="1">
      <c r="A36" s="17" t="s">
        <v>69</v>
      </c>
      <c r="B36" s="17"/>
      <c r="C36" s="13">
        <v>1203</v>
      </c>
      <c r="D36" s="19">
        <v>586</v>
      </c>
      <c r="E36" s="19">
        <v>617</v>
      </c>
      <c r="F36" s="19"/>
      <c r="G36" s="18" t="s">
        <v>70</v>
      </c>
      <c r="H36" s="17"/>
      <c r="I36" s="13">
        <v>2415</v>
      </c>
      <c r="J36" s="19">
        <v>1051</v>
      </c>
      <c r="K36" s="19">
        <v>1364</v>
      </c>
    </row>
    <row r="37" spans="1:11" ht="15" customHeight="1">
      <c r="A37" s="17" t="s">
        <v>71</v>
      </c>
      <c r="B37" s="17"/>
      <c r="C37" s="13">
        <v>1214</v>
      </c>
      <c r="D37" s="19">
        <v>584</v>
      </c>
      <c r="E37" s="19">
        <v>630</v>
      </c>
      <c r="F37" s="19"/>
      <c r="G37" s="18" t="s">
        <v>72</v>
      </c>
      <c r="H37" s="17"/>
      <c r="I37" s="13">
        <v>2400</v>
      </c>
      <c r="J37" s="19">
        <v>1020</v>
      </c>
      <c r="K37" s="19">
        <v>1380</v>
      </c>
    </row>
    <row r="38" spans="1:11" ht="15" customHeight="1">
      <c r="A38" s="17" t="s">
        <v>73</v>
      </c>
      <c r="B38" s="17"/>
      <c r="C38" s="13">
        <v>1182</v>
      </c>
      <c r="D38" s="19">
        <v>553</v>
      </c>
      <c r="E38" s="19">
        <v>629</v>
      </c>
      <c r="F38" s="19"/>
      <c r="G38" s="18" t="s">
        <v>74</v>
      </c>
      <c r="H38" s="17"/>
      <c r="I38" s="13">
        <v>2356</v>
      </c>
      <c r="J38" s="19">
        <v>998</v>
      </c>
      <c r="K38" s="19">
        <v>1358</v>
      </c>
    </row>
    <row r="39" spans="1:11" ht="15" customHeight="1">
      <c r="A39" s="17" t="s">
        <v>75</v>
      </c>
      <c r="B39" s="17"/>
      <c r="C39" s="13">
        <v>1100</v>
      </c>
      <c r="D39" s="19">
        <v>542</v>
      </c>
      <c r="E39" s="19">
        <v>558</v>
      </c>
      <c r="F39" s="19"/>
      <c r="G39" s="18" t="s">
        <v>76</v>
      </c>
      <c r="H39" s="17"/>
      <c r="I39" s="13">
        <v>2160</v>
      </c>
      <c r="J39" s="19">
        <v>922</v>
      </c>
      <c r="K39" s="19">
        <v>1238</v>
      </c>
    </row>
    <row r="40" spans="1:11" ht="15" customHeight="1">
      <c r="A40" s="17" t="s">
        <v>77</v>
      </c>
      <c r="B40" s="17"/>
      <c r="C40" s="13">
        <v>1296</v>
      </c>
      <c r="D40" s="19">
        <v>644</v>
      </c>
      <c r="E40" s="19">
        <v>652</v>
      </c>
      <c r="F40" s="19"/>
      <c r="G40" s="18" t="s">
        <v>78</v>
      </c>
      <c r="H40" s="17"/>
      <c r="I40" s="13">
        <v>1852</v>
      </c>
      <c r="J40" s="19">
        <v>773</v>
      </c>
      <c r="K40" s="19">
        <v>1079</v>
      </c>
    </row>
    <row r="41" spans="1:11" ht="20.100000000000001" customHeight="1">
      <c r="A41" s="17" t="s">
        <v>79</v>
      </c>
      <c r="B41" s="17"/>
      <c r="C41" s="13">
        <v>7088</v>
      </c>
      <c r="D41" s="14">
        <v>3459</v>
      </c>
      <c r="E41" s="14">
        <v>3629</v>
      </c>
      <c r="F41" s="14"/>
      <c r="G41" s="18" t="s">
        <v>80</v>
      </c>
      <c r="H41" s="17"/>
      <c r="I41" s="13">
        <v>8765</v>
      </c>
      <c r="J41" s="14">
        <v>3696</v>
      </c>
      <c r="K41" s="14">
        <v>5069</v>
      </c>
    </row>
    <row r="42" spans="1:11" ht="15" customHeight="1">
      <c r="A42" s="17" t="s">
        <v>81</v>
      </c>
      <c r="B42" s="17"/>
      <c r="C42" s="13">
        <v>1285</v>
      </c>
      <c r="D42" s="19">
        <v>624</v>
      </c>
      <c r="E42" s="19">
        <v>661</v>
      </c>
      <c r="F42" s="19"/>
      <c r="G42" s="18" t="s">
        <v>82</v>
      </c>
      <c r="H42" s="17"/>
      <c r="I42" s="13">
        <v>1754</v>
      </c>
      <c r="J42" s="19">
        <v>777</v>
      </c>
      <c r="K42" s="19">
        <v>977</v>
      </c>
    </row>
    <row r="43" spans="1:11" ht="15" customHeight="1">
      <c r="A43" s="17" t="s">
        <v>83</v>
      </c>
      <c r="B43" s="17"/>
      <c r="C43" s="13">
        <v>1317</v>
      </c>
      <c r="D43" s="19">
        <v>640</v>
      </c>
      <c r="E43" s="19">
        <v>677</v>
      </c>
      <c r="F43" s="19"/>
      <c r="G43" s="18" t="s">
        <v>84</v>
      </c>
      <c r="H43" s="17"/>
      <c r="I43" s="13">
        <v>1911</v>
      </c>
      <c r="J43" s="19">
        <v>818</v>
      </c>
      <c r="K43" s="19">
        <v>1093</v>
      </c>
    </row>
    <row r="44" spans="1:11" ht="15" customHeight="1">
      <c r="A44" s="17" t="s">
        <v>85</v>
      </c>
      <c r="B44" s="17"/>
      <c r="C44" s="13">
        <v>1393</v>
      </c>
      <c r="D44" s="19">
        <v>658</v>
      </c>
      <c r="E44" s="19">
        <v>735</v>
      </c>
      <c r="F44" s="19"/>
      <c r="G44" s="18" t="s">
        <v>86</v>
      </c>
      <c r="H44" s="17"/>
      <c r="I44" s="13">
        <v>1750</v>
      </c>
      <c r="J44" s="19">
        <v>712</v>
      </c>
      <c r="K44" s="19">
        <v>1038</v>
      </c>
    </row>
    <row r="45" spans="1:11" ht="15" customHeight="1">
      <c r="A45" s="17" t="s">
        <v>87</v>
      </c>
      <c r="B45" s="17"/>
      <c r="C45" s="13">
        <v>1498</v>
      </c>
      <c r="D45" s="19">
        <v>744</v>
      </c>
      <c r="E45" s="19">
        <v>754</v>
      </c>
      <c r="F45" s="19"/>
      <c r="G45" s="18" t="s">
        <v>88</v>
      </c>
      <c r="H45" s="17"/>
      <c r="I45" s="13">
        <v>1815</v>
      </c>
      <c r="J45" s="19">
        <v>755</v>
      </c>
      <c r="K45" s="19">
        <v>1060</v>
      </c>
    </row>
    <row r="46" spans="1:11" ht="15" customHeight="1">
      <c r="A46" s="17" t="s">
        <v>89</v>
      </c>
      <c r="B46" s="17"/>
      <c r="C46" s="13">
        <v>1595</v>
      </c>
      <c r="D46" s="19">
        <v>793</v>
      </c>
      <c r="E46" s="19">
        <v>802</v>
      </c>
      <c r="F46" s="19"/>
      <c r="G46" s="18" t="s">
        <v>90</v>
      </c>
      <c r="H46" s="17"/>
      <c r="I46" s="13">
        <v>1535</v>
      </c>
      <c r="J46" s="19">
        <v>634</v>
      </c>
      <c r="K46" s="19">
        <v>901</v>
      </c>
    </row>
    <row r="47" spans="1:11" ht="20.100000000000001" customHeight="1">
      <c r="A47" s="17" t="s">
        <v>91</v>
      </c>
      <c r="B47" s="17"/>
      <c r="C47" s="13">
        <v>9130</v>
      </c>
      <c r="D47" s="14">
        <v>4353</v>
      </c>
      <c r="E47" s="14">
        <v>4777</v>
      </c>
      <c r="F47" s="14"/>
      <c r="G47" s="18" t="s">
        <v>92</v>
      </c>
      <c r="H47" s="17"/>
      <c r="I47" s="13">
        <v>6097</v>
      </c>
      <c r="J47" s="14">
        <v>2292</v>
      </c>
      <c r="K47" s="14">
        <v>3805</v>
      </c>
    </row>
    <row r="48" spans="1:11" ht="15" customHeight="1">
      <c r="A48" s="17" t="s">
        <v>93</v>
      </c>
      <c r="B48" s="17"/>
      <c r="C48" s="13">
        <v>1625</v>
      </c>
      <c r="D48" s="19">
        <v>773</v>
      </c>
      <c r="E48" s="19">
        <v>852</v>
      </c>
      <c r="F48" s="19"/>
      <c r="G48" s="18" t="s">
        <v>94</v>
      </c>
      <c r="H48" s="17"/>
      <c r="I48" s="13">
        <v>1532</v>
      </c>
      <c r="J48" s="19">
        <v>616</v>
      </c>
      <c r="K48" s="19">
        <v>916</v>
      </c>
    </row>
    <row r="49" spans="1:11" ht="15" customHeight="1">
      <c r="A49" s="17" t="s">
        <v>95</v>
      </c>
      <c r="B49" s="17"/>
      <c r="C49" s="13">
        <v>1718</v>
      </c>
      <c r="D49" s="19">
        <v>861</v>
      </c>
      <c r="E49" s="19">
        <v>857</v>
      </c>
      <c r="F49" s="19"/>
      <c r="G49" s="18" t="s">
        <v>96</v>
      </c>
      <c r="H49" s="17"/>
      <c r="I49" s="13">
        <v>1358</v>
      </c>
      <c r="J49" s="19">
        <v>554</v>
      </c>
      <c r="K49" s="19">
        <v>804</v>
      </c>
    </row>
    <row r="50" spans="1:11" ht="15" customHeight="1">
      <c r="A50" s="17" t="s">
        <v>97</v>
      </c>
      <c r="B50" s="17"/>
      <c r="C50" s="13">
        <v>1765</v>
      </c>
      <c r="D50" s="19">
        <v>818</v>
      </c>
      <c r="E50" s="19">
        <v>947</v>
      </c>
      <c r="F50" s="19"/>
      <c r="G50" s="18" t="s">
        <v>98</v>
      </c>
      <c r="H50" s="17"/>
      <c r="I50" s="13">
        <v>1193</v>
      </c>
      <c r="J50" s="19">
        <v>422</v>
      </c>
      <c r="K50" s="19">
        <v>771</v>
      </c>
    </row>
    <row r="51" spans="1:11" ht="15" customHeight="1">
      <c r="A51" s="17" t="s">
        <v>99</v>
      </c>
      <c r="B51" s="17"/>
      <c r="C51" s="13">
        <v>1937</v>
      </c>
      <c r="D51" s="19">
        <v>922</v>
      </c>
      <c r="E51" s="19">
        <v>1015</v>
      </c>
      <c r="F51" s="19"/>
      <c r="G51" s="18" t="s">
        <v>100</v>
      </c>
      <c r="H51" s="17"/>
      <c r="I51" s="13">
        <v>1067</v>
      </c>
      <c r="J51" s="19">
        <v>394</v>
      </c>
      <c r="K51" s="19">
        <v>673</v>
      </c>
    </row>
    <row r="52" spans="1:11" ht="15" customHeight="1">
      <c r="A52" s="17" t="s">
        <v>101</v>
      </c>
      <c r="B52" s="17"/>
      <c r="C52" s="13">
        <v>2085</v>
      </c>
      <c r="D52" s="19">
        <v>979</v>
      </c>
      <c r="E52" s="19">
        <v>1106</v>
      </c>
      <c r="F52" s="19"/>
      <c r="G52" s="18" t="s">
        <v>102</v>
      </c>
      <c r="H52" s="17"/>
      <c r="I52" s="13">
        <v>947</v>
      </c>
      <c r="J52" s="19">
        <v>306</v>
      </c>
      <c r="K52" s="19">
        <v>641</v>
      </c>
    </row>
    <row r="53" spans="1:11" ht="20.100000000000001" customHeight="1">
      <c r="A53" s="17" t="s">
        <v>103</v>
      </c>
      <c r="B53" s="17"/>
      <c r="C53" s="13">
        <v>12420</v>
      </c>
      <c r="D53" s="14">
        <v>5974</v>
      </c>
      <c r="E53" s="14">
        <v>6446</v>
      </c>
      <c r="F53" s="14"/>
      <c r="G53" s="18" t="s">
        <v>104</v>
      </c>
      <c r="H53" s="17"/>
      <c r="I53" s="13">
        <v>2975</v>
      </c>
      <c r="J53" s="14">
        <v>893</v>
      </c>
      <c r="K53" s="14">
        <v>2082</v>
      </c>
    </row>
    <row r="54" spans="1:11" ht="15" customHeight="1">
      <c r="A54" s="17" t="s">
        <v>105</v>
      </c>
      <c r="B54" s="17"/>
      <c r="C54" s="13">
        <v>2219</v>
      </c>
      <c r="D54" s="19">
        <v>1062</v>
      </c>
      <c r="E54" s="19">
        <v>1157</v>
      </c>
      <c r="F54" s="19"/>
      <c r="G54" s="18" t="s">
        <v>106</v>
      </c>
      <c r="H54" s="17"/>
      <c r="I54" s="13">
        <v>858</v>
      </c>
      <c r="J54" s="19">
        <v>278</v>
      </c>
      <c r="K54" s="19">
        <v>580</v>
      </c>
    </row>
    <row r="55" spans="1:11" ht="15" customHeight="1">
      <c r="A55" s="17" t="s">
        <v>107</v>
      </c>
      <c r="B55" s="17"/>
      <c r="C55" s="13">
        <v>2363</v>
      </c>
      <c r="D55" s="19">
        <v>1154</v>
      </c>
      <c r="E55" s="19">
        <v>1209</v>
      </c>
      <c r="F55" s="19"/>
      <c r="G55" s="18" t="s">
        <v>108</v>
      </c>
      <c r="H55" s="17"/>
      <c r="I55" s="13">
        <v>711</v>
      </c>
      <c r="J55" s="19">
        <v>215</v>
      </c>
      <c r="K55" s="19">
        <v>496</v>
      </c>
    </row>
    <row r="56" spans="1:11" ht="15" customHeight="1">
      <c r="A56" s="17" t="s">
        <v>109</v>
      </c>
      <c r="B56" s="17"/>
      <c r="C56" s="13">
        <v>2437</v>
      </c>
      <c r="D56" s="19">
        <v>1153</v>
      </c>
      <c r="E56" s="19">
        <v>1284</v>
      </c>
      <c r="F56" s="19"/>
      <c r="G56" s="18" t="s">
        <v>110</v>
      </c>
      <c r="H56" s="17"/>
      <c r="I56" s="13">
        <v>563</v>
      </c>
      <c r="J56" s="19">
        <v>184</v>
      </c>
      <c r="K56" s="19">
        <v>379</v>
      </c>
    </row>
    <row r="57" spans="1:11" ht="15" customHeight="1">
      <c r="A57" s="17" t="s">
        <v>111</v>
      </c>
      <c r="B57" s="17"/>
      <c r="C57" s="13">
        <v>2605</v>
      </c>
      <c r="D57" s="19">
        <v>1240</v>
      </c>
      <c r="E57" s="19">
        <v>1365</v>
      </c>
      <c r="F57" s="19"/>
      <c r="G57" s="18" t="s">
        <v>112</v>
      </c>
      <c r="H57" s="17"/>
      <c r="I57" s="13">
        <v>485</v>
      </c>
      <c r="J57" s="19">
        <v>130</v>
      </c>
      <c r="K57" s="19">
        <v>355</v>
      </c>
    </row>
    <row r="58" spans="1:11" ht="15" customHeight="1">
      <c r="A58" s="17" t="s">
        <v>113</v>
      </c>
      <c r="B58" s="17"/>
      <c r="C58" s="13">
        <v>2796</v>
      </c>
      <c r="D58" s="19">
        <v>1365</v>
      </c>
      <c r="E58" s="19">
        <v>1431</v>
      </c>
      <c r="F58" s="19"/>
      <c r="G58" s="18" t="s">
        <v>114</v>
      </c>
      <c r="H58" s="17"/>
      <c r="I58" s="13">
        <v>358</v>
      </c>
      <c r="J58" s="19">
        <v>86</v>
      </c>
      <c r="K58" s="19">
        <v>272</v>
      </c>
    </row>
    <row r="59" spans="1:11" ht="20.100000000000001" customHeight="1">
      <c r="A59" s="17" t="s">
        <v>115</v>
      </c>
      <c r="B59" s="17"/>
      <c r="C59" s="13">
        <v>15316</v>
      </c>
      <c r="D59" s="14">
        <v>7387</v>
      </c>
      <c r="E59" s="14">
        <v>7929</v>
      </c>
      <c r="F59" s="14"/>
      <c r="G59" s="18" t="s">
        <v>116</v>
      </c>
      <c r="H59" s="17"/>
      <c r="I59" s="13">
        <v>838</v>
      </c>
      <c r="J59" s="14">
        <v>206</v>
      </c>
      <c r="K59" s="14">
        <v>632</v>
      </c>
    </row>
    <row r="60" spans="1:11" ht="15" customHeight="1">
      <c r="A60" s="17" t="s">
        <v>117</v>
      </c>
      <c r="B60" s="17"/>
      <c r="C60" s="13">
        <v>3061</v>
      </c>
      <c r="D60" s="19">
        <v>1486</v>
      </c>
      <c r="E60" s="19">
        <v>1575</v>
      </c>
      <c r="F60" s="19"/>
      <c r="G60" s="18" t="s">
        <v>118</v>
      </c>
      <c r="H60" s="17"/>
      <c r="I60" s="13">
        <v>282</v>
      </c>
      <c r="J60" s="19">
        <v>78</v>
      </c>
      <c r="K60" s="19">
        <v>204</v>
      </c>
    </row>
    <row r="61" spans="1:11" ht="15" customHeight="1">
      <c r="A61" s="17" t="s">
        <v>119</v>
      </c>
      <c r="B61" s="17"/>
      <c r="C61" s="13">
        <v>3061</v>
      </c>
      <c r="D61" s="19">
        <v>1470</v>
      </c>
      <c r="E61" s="19">
        <v>1591</v>
      </c>
      <c r="F61" s="19"/>
      <c r="G61" s="18" t="s">
        <v>120</v>
      </c>
      <c r="H61" s="17"/>
      <c r="I61" s="13">
        <v>229</v>
      </c>
      <c r="J61" s="19">
        <v>66</v>
      </c>
      <c r="K61" s="19">
        <v>163</v>
      </c>
    </row>
    <row r="62" spans="1:11" ht="15" customHeight="1">
      <c r="A62" s="17" t="s">
        <v>121</v>
      </c>
      <c r="B62" s="17"/>
      <c r="C62" s="13">
        <v>3157</v>
      </c>
      <c r="D62" s="19">
        <v>1495</v>
      </c>
      <c r="E62" s="19">
        <v>1662</v>
      </c>
      <c r="F62" s="19"/>
      <c r="G62" s="18" t="s">
        <v>122</v>
      </c>
      <c r="H62" s="17"/>
      <c r="I62" s="13">
        <v>128</v>
      </c>
      <c r="J62" s="19">
        <v>22</v>
      </c>
      <c r="K62" s="19">
        <v>106</v>
      </c>
    </row>
    <row r="63" spans="1:11" ht="15" customHeight="1">
      <c r="A63" s="17" t="s">
        <v>123</v>
      </c>
      <c r="B63" s="17"/>
      <c r="C63" s="13">
        <v>3027</v>
      </c>
      <c r="D63" s="19">
        <v>1460</v>
      </c>
      <c r="E63" s="19">
        <v>1567</v>
      </c>
      <c r="F63" s="19"/>
      <c r="G63" s="18" t="s">
        <v>124</v>
      </c>
      <c r="H63" s="17"/>
      <c r="I63" s="13">
        <v>103</v>
      </c>
      <c r="J63" s="19">
        <v>18</v>
      </c>
      <c r="K63" s="19">
        <v>85</v>
      </c>
    </row>
    <row r="64" spans="1:11" ht="15" customHeight="1">
      <c r="A64" s="17" t="s">
        <v>125</v>
      </c>
      <c r="B64" s="17"/>
      <c r="C64" s="13">
        <v>3010</v>
      </c>
      <c r="D64" s="19">
        <v>1476</v>
      </c>
      <c r="E64" s="19">
        <v>1534</v>
      </c>
      <c r="F64" s="19"/>
      <c r="G64" s="18" t="s">
        <v>126</v>
      </c>
      <c r="H64" s="17"/>
      <c r="I64" s="13">
        <v>96</v>
      </c>
      <c r="J64" s="19">
        <v>22</v>
      </c>
      <c r="K64" s="19">
        <v>7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63</v>
      </c>
      <c r="J65" s="19">
        <v>19</v>
      </c>
      <c r="K65" s="19">
        <v>14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57</v>
      </c>
      <c r="J66" s="29">
        <v>207</v>
      </c>
      <c r="K66" s="29">
        <v>15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1" pageOrder="overThenDown" orientation="portrait" blackAndWhite="1" useFirstPageNumber="1" horizontalDpi="300" verticalDpi="300"/>
  <headerFooter scaleWithDoc="0"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57017</v>
      </c>
      <c r="D4" s="14">
        <v>26654</v>
      </c>
      <c r="E4" s="14">
        <v>3036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993</v>
      </c>
      <c r="D5" s="14">
        <v>996</v>
      </c>
      <c r="E5" s="14">
        <v>997</v>
      </c>
      <c r="F5" s="14"/>
      <c r="G5" s="18" t="s">
        <v>8</v>
      </c>
      <c r="H5" s="17"/>
      <c r="I5" s="13">
        <v>4471</v>
      </c>
      <c r="J5" s="14">
        <v>2204</v>
      </c>
      <c r="K5" s="14">
        <v>2267</v>
      </c>
    </row>
    <row r="6" spans="1:11" ht="15" customHeight="1">
      <c r="A6" s="17" t="s">
        <v>9</v>
      </c>
      <c r="B6" s="17"/>
      <c r="C6" s="13">
        <v>363</v>
      </c>
      <c r="D6" s="19">
        <v>192</v>
      </c>
      <c r="E6" s="19">
        <v>171</v>
      </c>
      <c r="F6" s="19"/>
      <c r="G6" s="18" t="s">
        <v>10</v>
      </c>
      <c r="H6" s="17"/>
      <c r="I6" s="13">
        <v>979</v>
      </c>
      <c r="J6" s="19">
        <v>463</v>
      </c>
      <c r="K6" s="19">
        <v>516</v>
      </c>
    </row>
    <row r="7" spans="1:11" ht="15" customHeight="1">
      <c r="A7" s="17" t="s">
        <v>11</v>
      </c>
      <c r="B7" s="17"/>
      <c r="C7" s="13">
        <v>368</v>
      </c>
      <c r="D7" s="19">
        <v>189</v>
      </c>
      <c r="E7" s="19">
        <v>179</v>
      </c>
      <c r="F7" s="19"/>
      <c r="G7" s="18" t="s">
        <v>12</v>
      </c>
      <c r="H7" s="17"/>
      <c r="I7" s="13">
        <v>1060</v>
      </c>
      <c r="J7" s="19">
        <v>523</v>
      </c>
      <c r="K7" s="19">
        <v>537</v>
      </c>
    </row>
    <row r="8" spans="1:11" ht="15" customHeight="1">
      <c r="A8" s="17" t="s">
        <v>13</v>
      </c>
      <c r="B8" s="17"/>
      <c r="C8" s="13">
        <v>402</v>
      </c>
      <c r="D8" s="19">
        <v>186</v>
      </c>
      <c r="E8" s="19">
        <v>216</v>
      </c>
      <c r="F8" s="19"/>
      <c r="G8" s="18" t="s">
        <v>14</v>
      </c>
      <c r="H8" s="17"/>
      <c r="I8" s="13">
        <v>732</v>
      </c>
      <c r="J8" s="19">
        <v>349</v>
      </c>
      <c r="K8" s="19">
        <v>383</v>
      </c>
    </row>
    <row r="9" spans="1:11" ht="15" customHeight="1">
      <c r="A9" s="17" t="s">
        <v>15</v>
      </c>
      <c r="B9" s="17"/>
      <c r="C9" s="13">
        <v>442</v>
      </c>
      <c r="D9" s="19">
        <v>227</v>
      </c>
      <c r="E9" s="19">
        <v>215</v>
      </c>
      <c r="F9" s="19"/>
      <c r="G9" s="18" t="s">
        <v>16</v>
      </c>
      <c r="H9" s="17"/>
      <c r="I9" s="13">
        <v>888</v>
      </c>
      <c r="J9" s="19">
        <v>447</v>
      </c>
      <c r="K9" s="19">
        <v>441</v>
      </c>
    </row>
    <row r="10" spans="1:11" ht="15" customHeight="1">
      <c r="A10" s="17" t="s">
        <v>17</v>
      </c>
      <c r="B10" s="17"/>
      <c r="C10" s="13">
        <v>418</v>
      </c>
      <c r="D10" s="19">
        <v>202</v>
      </c>
      <c r="E10" s="19">
        <v>216</v>
      </c>
      <c r="F10" s="19"/>
      <c r="G10" s="18" t="s">
        <v>18</v>
      </c>
      <c r="H10" s="17"/>
      <c r="I10" s="13">
        <v>812</v>
      </c>
      <c r="J10" s="19">
        <v>422</v>
      </c>
      <c r="K10" s="19">
        <v>390</v>
      </c>
    </row>
    <row r="11" spans="1:11" ht="20.100000000000001" customHeight="1">
      <c r="A11" s="17" t="s">
        <v>19</v>
      </c>
      <c r="B11" s="17"/>
      <c r="C11" s="13">
        <v>2293</v>
      </c>
      <c r="D11" s="14">
        <v>1191</v>
      </c>
      <c r="E11" s="14">
        <v>1102</v>
      </c>
      <c r="F11" s="14"/>
      <c r="G11" s="18" t="s">
        <v>20</v>
      </c>
      <c r="H11" s="17"/>
      <c r="I11" s="13">
        <v>3750</v>
      </c>
      <c r="J11" s="14">
        <v>1857</v>
      </c>
      <c r="K11" s="14">
        <v>1893</v>
      </c>
    </row>
    <row r="12" spans="1:11" ht="15" customHeight="1">
      <c r="A12" s="17" t="s">
        <v>21</v>
      </c>
      <c r="B12" s="17"/>
      <c r="C12" s="13">
        <v>446</v>
      </c>
      <c r="D12" s="19">
        <v>237</v>
      </c>
      <c r="E12" s="19">
        <v>209</v>
      </c>
      <c r="F12" s="19"/>
      <c r="G12" s="18" t="s">
        <v>22</v>
      </c>
      <c r="H12" s="17"/>
      <c r="I12" s="13">
        <v>830</v>
      </c>
      <c r="J12" s="19">
        <v>424</v>
      </c>
      <c r="K12" s="19">
        <v>406</v>
      </c>
    </row>
    <row r="13" spans="1:11" ht="15" customHeight="1">
      <c r="A13" s="17" t="s">
        <v>23</v>
      </c>
      <c r="B13" s="17"/>
      <c r="C13" s="13">
        <v>459</v>
      </c>
      <c r="D13" s="19">
        <v>248</v>
      </c>
      <c r="E13" s="19">
        <v>211</v>
      </c>
      <c r="F13" s="19"/>
      <c r="G13" s="18" t="s">
        <v>24</v>
      </c>
      <c r="H13" s="17"/>
      <c r="I13" s="13">
        <v>755</v>
      </c>
      <c r="J13" s="19">
        <v>364</v>
      </c>
      <c r="K13" s="19">
        <v>391</v>
      </c>
    </row>
    <row r="14" spans="1:11" ht="15" customHeight="1">
      <c r="A14" s="17" t="s">
        <v>25</v>
      </c>
      <c r="B14" s="17"/>
      <c r="C14" s="13">
        <v>462</v>
      </c>
      <c r="D14" s="19">
        <v>244</v>
      </c>
      <c r="E14" s="19">
        <v>218</v>
      </c>
      <c r="F14" s="19"/>
      <c r="G14" s="18" t="s">
        <v>26</v>
      </c>
      <c r="H14" s="17"/>
      <c r="I14" s="13">
        <v>737</v>
      </c>
      <c r="J14" s="19">
        <v>369</v>
      </c>
      <c r="K14" s="19">
        <v>368</v>
      </c>
    </row>
    <row r="15" spans="1:11" ht="15" customHeight="1">
      <c r="A15" s="17" t="s">
        <v>27</v>
      </c>
      <c r="B15" s="17"/>
      <c r="C15" s="13">
        <v>456</v>
      </c>
      <c r="D15" s="19">
        <v>236</v>
      </c>
      <c r="E15" s="19">
        <v>220</v>
      </c>
      <c r="F15" s="19"/>
      <c r="G15" s="18" t="s">
        <v>28</v>
      </c>
      <c r="H15" s="17"/>
      <c r="I15" s="13">
        <v>703</v>
      </c>
      <c r="J15" s="19">
        <v>346</v>
      </c>
      <c r="K15" s="19">
        <v>357</v>
      </c>
    </row>
    <row r="16" spans="1:11" ht="15" customHeight="1">
      <c r="A16" s="17" t="s">
        <v>29</v>
      </c>
      <c r="B16" s="17"/>
      <c r="C16" s="13">
        <v>470</v>
      </c>
      <c r="D16" s="19">
        <v>226</v>
      </c>
      <c r="E16" s="19">
        <v>244</v>
      </c>
      <c r="F16" s="19"/>
      <c r="G16" s="18" t="s">
        <v>30</v>
      </c>
      <c r="H16" s="17"/>
      <c r="I16" s="13">
        <v>725</v>
      </c>
      <c r="J16" s="19">
        <v>354</v>
      </c>
      <c r="K16" s="19">
        <v>371</v>
      </c>
    </row>
    <row r="17" spans="1:11" ht="20.100000000000001" customHeight="1">
      <c r="A17" s="20" t="s">
        <v>31</v>
      </c>
      <c r="B17" s="20"/>
      <c r="C17" s="13">
        <v>2366</v>
      </c>
      <c r="D17" s="14">
        <v>1180</v>
      </c>
      <c r="E17" s="14">
        <v>1186</v>
      </c>
      <c r="F17" s="14"/>
      <c r="G17" s="18" t="s">
        <v>32</v>
      </c>
      <c r="H17" s="17"/>
      <c r="I17" s="13">
        <v>3189</v>
      </c>
      <c r="J17" s="14">
        <v>1516</v>
      </c>
      <c r="K17" s="14">
        <v>1673</v>
      </c>
    </row>
    <row r="18" spans="1:11" ht="15" customHeight="1">
      <c r="A18" s="17" t="s">
        <v>33</v>
      </c>
      <c r="B18" s="17"/>
      <c r="C18" s="13">
        <v>471</v>
      </c>
      <c r="D18" s="19">
        <v>227</v>
      </c>
      <c r="E18" s="19">
        <v>244</v>
      </c>
      <c r="F18" s="19"/>
      <c r="G18" s="18" t="s">
        <v>34</v>
      </c>
      <c r="H18" s="17"/>
      <c r="I18" s="13">
        <v>687</v>
      </c>
      <c r="J18" s="19">
        <v>321</v>
      </c>
      <c r="K18" s="19">
        <v>366</v>
      </c>
    </row>
    <row r="19" spans="1:11" ht="15" customHeight="1">
      <c r="A19" s="17" t="s">
        <v>35</v>
      </c>
      <c r="B19" s="17"/>
      <c r="C19" s="13">
        <v>464</v>
      </c>
      <c r="D19" s="19">
        <v>228</v>
      </c>
      <c r="E19" s="19">
        <v>236</v>
      </c>
      <c r="F19" s="19"/>
      <c r="G19" s="18" t="s">
        <v>36</v>
      </c>
      <c r="H19" s="17"/>
      <c r="I19" s="13">
        <v>629</v>
      </c>
      <c r="J19" s="19">
        <v>314</v>
      </c>
      <c r="K19" s="19">
        <v>315</v>
      </c>
    </row>
    <row r="20" spans="1:11" ht="15" customHeight="1">
      <c r="A20" s="17" t="s">
        <v>37</v>
      </c>
      <c r="B20" s="17"/>
      <c r="C20" s="13">
        <v>488</v>
      </c>
      <c r="D20" s="19">
        <v>248</v>
      </c>
      <c r="E20" s="19">
        <v>240</v>
      </c>
      <c r="F20" s="19"/>
      <c r="G20" s="18" t="s">
        <v>38</v>
      </c>
      <c r="H20" s="17"/>
      <c r="I20" s="13">
        <v>582</v>
      </c>
      <c r="J20" s="19">
        <v>267</v>
      </c>
      <c r="K20" s="19">
        <v>315</v>
      </c>
    </row>
    <row r="21" spans="1:11" ht="15" customHeight="1">
      <c r="A21" s="17" t="s">
        <v>39</v>
      </c>
      <c r="B21" s="17"/>
      <c r="C21" s="13">
        <v>451</v>
      </c>
      <c r="D21" s="19">
        <v>222</v>
      </c>
      <c r="E21" s="19">
        <v>229</v>
      </c>
      <c r="F21" s="19"/>
      <c r="G21" s="18" t="s">
        <v>40</v>
      </c>
      <c r="H21" s="17"/>
      <c r="I21" s="13">
        <v>628</v>
      </c>
      <c r="J21" s="19">
        <v>293</v>
      </c>
      <c r="K21" s="19">
        <v>335</v>
      </c>
    </row>
    <row r="22" spans="1:11" ht="15" customHeight="1">
      <c r="A22" s="17" t="s">
        <v>41</v>
      </c>
      <c r="B22" s="17"/>
      <c r="C22" s="13">
        <v>492</v>
      </c>
      <c r="D22" s="19">
        <v>255</v>
      </c>
      <c r="E22" s="19">
        <v>237</v>
      </c>
      <c r="F22" s="19"/>
      <c r="G22" s="18" t="s">
        <v>42</v>
      </c>
      <c r="H22" s="17"/>
      <c r="I22" s="13">
        <v>663</v>
      </c>
      <c r="J22" s="19">
        <v>321</v>
      </c>
      <c r="K22" s="19">
        <v>342</v>
      </c>
    </row>
    <row r="23" spans="1:11" ht="20.100000000000001" customHeight="1">
      <c r="A23" s="17" t="s">
        <v>43</v>
      </c>
      <c r="B23" s="17"/>
      <c r="C23" s="13">
        <v>2543</v>
      </c>
      <c r="D23" s="14">
        <v>1332</v>
      </c>
      <c r="E23" s="14">
        <v>1211</v>
      </c>
      <c r="F23" s="14"/>
      <c r="G23" s="18" t="s">
        <v>44</v>
      </c>
      <c r="H23" s="17"/>
      <c r="I23" s="13">
        <v>3798</v>
      </c>
      <c r="J23" s="14">
        <v>1781</v>
      </c>
      <c r="K23" s="14">
        <v>2017</v>
      </c>
    </row>
    <row r="24" spans="1:11" ht="15" customHeight="1">
      <c r="A24" s="17" t="s">
        <v>45</v>
      </c>
      <c r="B24" s="17"/>
      <c r="C24" s="13">
        <v>467</v>
      </c>
      <c r="D24" s="19">
        <v>248</v>
      </c>
      <c r="E24" s="19">
        <v>219</v>
      </c>
      <c r="F24" s="19"/>
      <c r="G24" s="18" t="s">
        <v>46</v>
      </c>
      <c r="H24" s="17"/>
      <c r="I24" s="13">
        <v>647</v>
      </c>
      <c r="J24" s="19">
        <v>287</v>
      </c>
      <c r="K24" s="19">
        <v>360</v>
      </c>
    </row>
    <row r="25" spans="1:11" ht="15" customHeight="1">
      <c r="A25" s="17" t="s">
        <v>47</v>
      </c>
      <c r="B25" s="17"/>
      <c r="C25" s="13">
        <v>509</v>
      </c>
      <c r="D25" s="19">
        <v>275</v>
      </c>
      <c r="E25" s="19">
        <v>234</v>
      </c>
      <c r="F25" s="19"/>
      <c r="G25" s="18" t="s">
        <v>48</v>
      </c>
      <c r="H25" s="17"/>
      <c r="I25" s="13">
        <v>659</v>
      </c>
      <c r="J25" s="19">
        <v>317</v>
      </c>
      <c r="K25" s="19">
        <v>342</v>
      </c>
    </row>
    <row r="26" spans="1:11" ht="15" customHeight="1">
      <c r="A26" s="17" t="s">
        <v>49</v>
      </c>
      <c r="B26" s="17"/>
      <c r="C26" s="13">
        <v>516</v>
      </c>
      <c r="D26" s="19">
        <v>259</v>
      </c>
      <c r="E26" s="19">
        <v>257</v>
      </c>
      <c r="F26" s="19"/>
      <c r="G26" s="18" t="s">
        <v>50</v>
      </c>
      <c r="H26" s="17"/>
      <c r="I26" s="13">
        <v>685</v>
      </c>
      <c r="J26" s="19">
        <v>312</v>
      </c>
      <c r="K26" s="19">
        <v>373</v>
      </c>
    </row>
    <row r="27" spans="1:11" ht="15" customHeight="1">
      <c r="A27" s="17" t="s">
        <v>51</v>
      </c>
      <c r="B27" s="17"/>
      <c r="C27" s="13">
        <v>538</v>
      </c>
      <c r="D27" s="19">
        <v>278</v>
      </c>
      <c r="E27" s="19">
        <v>260</v>
      </c>
      <c r="F27" s="19"/>
      <c r="G27" s="18" t="s">
        <v>52</v>
      </c>
      <c r="H27" s="17"/>
      <c r="I27" s="13">
        <v>814</v>
      </c>
      <c r="J27" s="19">
        <v>390</v>
      </c>
      <c r="K27" s="19">
        <v>424</v>
      </c>
    </row>
    <row r="28" spans="1:11" ht="15" customHeight="1">
      <c r="A28" s="17" t="s">
        <v>53</v>
      </c>
      <c r="B28" s="17"/>
      <c r="C28" s="13">
        <v>513</v>
      </c>
      <c r="D28" s="19">
        <v>272</v>
      </c>
      <c r="E28" s="19">
        <v>241</v>
      </c>
      <c r="F28" s="19"/>
      <c r="G28" s="18" t="s">
        <v>54</v>
      </c>
      <c r="H28" s="17"/>
      <c r="I28" s="13">
        <v>993</v>
      </c>
      <c r="J28" s="19">
        <v>475</v>
      </c>
      <c r="K28" s="19">
        <v>518</v>
      </c>
    </row>
    <row r="29" spans="1:11" ht="20.100000000000001" customHeight="1">
      <c r="A29" s="17" t="s">
        <v>55</v>
      </c>
      <c r="B29" s="17"/>
      <c r="C29" s="13">
        <v>2220</v>
      </c>
      <c r="D29" s="14">
        <v>1090</v>
      </c>
      <c r="E29" s="14">
        <v>1130</v>
      </c>
      <c r="F29" s="14"/>
      <c r="G29" s="18" t="s">
        <v>56</v>
      </c>
      <c r="H29" s="17"/>
      <c r="I29" s="13">
        <v>4169</v>
      </c>
      <c r="J29" s="14">
        <v>1826</v>
      </c>
      <c r="K29" s="14">
        <v>2343</v>
      </c>
    </row>
    <row r="30" spans="1:11" ht="15" customHeight="1">
      <c r="A30" s="17" t="s">
        <v>57</v>
      </c>
      <c r="B30" s="17"/>
      <c r="C30" s="13">
        <v>522</v>
      </c>
      <c r="D30" s="19">
        <v>256</v>
      </c>
      <c r="E30" s="19">
        <v>266</v>
      </c>
      <c r="F30" s="19"/>
      <c r="G30" s="18" t="s">
        <v>58</v>
      </c>
      <c r="H30" s="17"/>
      <c r="I30" s="13">
        <v>1008</v>
      </c>
      <c r="J30" s="19">
        <v>445</v>
      </c>
      <c r="K30" s="19">
        <v>563</v>
      </c>
    </row>
    <row r="31" spans="1:11" ht="15" customHeight="1">
      <c r="A31" s="17" t="s">
        <v>59</v>
      </c>
      <c r="B31" s="17"/>
      <c r="C31" s="13">
        <v>493</v>
      </c>
      <c r="D31" s="19">
        <v>246</v>
      </c>
      <c r="E31" s="19">
        <v>247</v>
      </c>
      <c r="F31" s="19"/>
      <c r="G31" s="18" t="s">
        <v>60</v>
      </c>
      <c r="H31" s="17"/>
      <c r="I31" s="13">
        <v>1016</v>
      </c>
      <c r="J31" s="19">
        <v>451</v>
      </c>
      <c r="K31" s="19">
        <v>565</v>
      </c>
    </row>
    <row r="32" spans="1:11" ht="15" customHeight="1">
      <c r="A32" s="17" t="s">
        <v>61</v>
      </c>
      <c r="B32" s="17"/>
      <c r="C32" s="13">
        <v>468</v>
      </c>
      <c r="D32" s="19">
        <v>229</v>
      </c>
      <c r="E32" s="19">
        <v>239</v>
      </c>
      <c r="F32" s="19"/>
      <c r="G32" s="18" t="s">
        <v>62</v>
      </c>
      <c r="H32" s="17"/>
      <c r="I32" s="13">
        <v>700</v>
      </c>
      <c r="J32" s="19">
        <v>315</v>
      </c>
      <c r="K32" s="19">
        <v>385</v>
      </c>
    </row>
    <row r="33" spans="1:11" ht="15" customHeight="1">
      <c r="A33" s="17" t="s">
        <v>63</v>
      </c>
      <c r="B33" s="17"/>
      <c r="C33" s="13">
        <v>389</v>
      </c>
      <c r="D33" s="19">
        <v>187</v>
      </c>
      <c r="E33" s="19">
        <v>202</v>
      </c>
      <c r="F33" s="19"/>
      <c r="G33" s="18" t="s">
        <v>64</v>
      </c>
      <c r="H33" s="17"/>
      <c r="I33" s="13">
        <v>653</v>
      </c>
      <c r="J33" s="19">
        <v>274</v>
      </c>
      <c r="K33" s="19">
        <v>379</v>
      </c>
    </row>
    <row r="34" spans="1:11" ht="15" customHeight="1">
      <c r="A34" s="17" t="s">
        <v>65</v>
      </c>
      <c r="B34" s="17"/>
      <c r="C34" s="13">
        <v>348</v>
      </c>
      <c r="D34" s="19">
        <v>172</v>
      </c>
      <c r="E34" s="19">
        <v>176</v>
      </c>
      <c r="F34" s="19"/>
      <c r="G34" s="18" t="s">
        <v>66</v>
      </c>
      <c r="H34" s="17"/>
      <c r="I34" s="13">
        <v>792</v>
      </c>
      <c r="J34" s="19">
        <v>341</v>
      </c>
      <c r="K34" s="19">
        <v>451</v>
      </c>
    </row>
    <row r="35" spans="1:11" ht="20.100000000000001" customHeight="1">
      <c r="A35" s="17" t="s">
        <v>67</v>
      </c>
      <c r="B35" s="17"/>
      <c r="C35" s="13">
        <v>1676</v>
      </c>
      <c r="D35" s="14">
        <v>795</v>
      </c>
      <c r="E35" s="14">
        <v>881</v>
      </c>
      <c r="F35" s="14"/>
      <c r="G35" s="18" t="s">
        <v>68</v>
      </c>
      <c r="H35" s="17"/>
      <c r="I35" s="13">
        <v>3954</v>
      </c>
      <c r="J35" s="14">
        <v>1716</v>
      </c>
      <c r="K35" s="14">
        <v>2238</v>
      </c>
    </row>
    <row r="36" spans="1:11" ht="15" customHeight="1">
      <c r="A36" s="17" t="s">
        <v>69</v>
      </c>
      <c r="B36" s="17"/>
      <c r="C36" s="13">
        <v>337</v>
      </c>
      <c r="D36" s="19">
        <v>158</v>
      </c>
      <c r="E36" s="19">
        <v>179</v>
      </c>
      <c r="F36" s="19"/>
      <c r="G36" s="18" t="s">
        <v>70</v>
      </c>
      <c r="H36" s="17"/>
      <c r="I36" s="13">
        <v>893</v>
      </c>
      <c r="J36" s="19">
        <v>384</v>
      </c>
      <c r="K36" s="19">
        <v>509</v>
      </c>
    </row>
    <row r="37" spans="1:11" ht="15" customHeight="1">
      <c r="A37" s="17" t="s">
        <v>71</v>
      </c>
      <c r="B37" s="17"/>
      <c r="C37" s="13">
        <v>319</v>
      </c>
      <c r="D37" s="19">
        <v>145</v>
      </c>
      <c r="E37" s="19">
        <v>174</v>
      </c>
      <c r="F37" s="19"/>
      <c r="G37" s="18" t="s">
        <v>72</v>
      </c>
      <c r="H37" s="17"/>
      <c r="I37" s="13">
        <v>812</v>
      </c>
      <c r="J37" s="19">
        <v>360</v>
      </c>
      <c r="K37" s="19">
        <v>452</v>
      </c>
    </row>
    <row r="38" spans="1:11" ht="15" customHeight="1">
      <c r="A38" s="17" t="s">
        <v>73</v>
      </c>
      <c r="B38" s="17"/>
      <c r="C38" s="13">
        <v>344</v>
      </c>
      <c r="D38" s="19">
        <v>159</v>
      </c>
      <c r="E38" s="19">
        <v>185</v>
      </c>
      <c r="F38" s="19"/>
      <c r="G38" s="18" t="s">
        <v>74</v>
      </c>
      <c r="H38" s="17"/>
      <c r="I38" s="13">
        <v>847</v>
      </c>
      <c r="J38" s="19">
        <v>366</v>
      </c>
      <c r="K38" s="19">
        <v>481</v>
      </c>
    </row>
    <row r="39" spans="1:11" ht="15" customHeight="1">
      <c r="A39" s="17" t="s">
        <v>75</v>
      </c>
      <c r="B39" s="17"/>
      <c r="C39" s="13">
        <v>313</v>
      </c>
      <c r="D39" s="19">
        <v>154</v>
      </c>
      <c r="E39" s="19">
        <v>159</v>
      </c>
      <c r="F39" s="19"/>
      <c r="G39" s="18" t="s">
        <v>76</v>
      </c>
      <c r="H39" s="17"/>
      <c r="I39" s="13">
        <v>745</v>
      </c>
      <c r="J39" s="19">
        <v>321</v>
      </c>
      <c r="K39" s="19">
        <v>424</v>
      </c>
    </row>
    <row r="40" spans="1:11" ht="15" customHeight="1">
      <c r="A40" s="17" t="s">
        <v>77</v>
      </c>
      <c r="B40" s="17"/>
      <c r="C40" s="13">
        <v>363</v>
      </c>
      <c r="D40" s="19">
        <v>179</v>
      </c>
      <c r="E40" s="19">
        <v>184</v>
      </c>
      <c r="F40" s="19"/>
      <c r="G40" s="18" t="s">
        <v>78</v>
      </c>
      <c r="H40" s="17"/>
      <c r="I40" s="13">
        <v>657</v>
      </c>
      <c r="J40" s="19">
        <v>285</v>
      </c>
      <c r="K40" s="19">
        <v>372</v>
      </c>
    </row>
    <row r="41" spans="1:11" ht="20.100000000000001" customHeight="1">
      <c r="A41" s="17" t="s">
        <v>79</v>
      </c>
      <c r="B41" s="17"/>
      <c r="C41" s="13">
        <v>2216</v>
      </c>
      <c r="D41" s="14">
        <v>1037</v>
      </c>
      <c r="E41" s="14">
        <v>1179</v>
      </c>
      <c r="F41" s="14"/>
      <c r="G41" s="18" t="s">
        <v>80</v>
      </c>
      <c r="H41" s="17"/>
      <c r="I41" s="13">
        <v>3008</v>
      </c>
      <c r="J41" s="14">
        <v>1231</v>
      </c>
      <c r="K41" s="14">
        <v>1777</v>
      </c>
    </row>
    <row r="42" spans="1:11" ht="15" customHeight="1">
      <c r="A42" s="17" t="s">
        <v>81</v>
      </c>
      <c r="B42" s="17"/>
      <c r="C42" s="13">
        <v>410</v>
      </c>
      <c r="D42" s="19">
        <v>194</v>
      </c>
      <c r="E42" s="19">
        <v>216</v>
      </c>
      <c r="F42" s="19"/>
      <c r="G42" s="18" t="s">
        <v>82</v>
      </c>
      <c r="H42" s="17"/>
      <c r="I42" s="13">
        <v>564</v>
      </c>
      <c r="J42" s="19">
        <v>232</v>
      </c>
      <c r="K42" s="19">
        <v>332</v>
      </c>
    </row>
    <row r="43" spans="1:11" ht="15" customHeight="1">
      <c r="A43" s="17" t="s">
        <v>83</v>
      </c>
      <c r="B43" s="17"/>
      <c r="C43" s="13">
        <v>399</v>
      </c>
      <c r="D43" s="19">
        <v>178</v>
      </c>
      <c r="E43" s="19">
        <v>221</v>
      </c>
      <c r="F43" s="19"/>
      <c r="G43" s="18" t="s">
        <v>84</v>
      </c>
      <c r="H43" s="17"/>
      <c r="I43" s="13">
        <v>707</v>
      </c>
      <c r="J43" s="19">
        <v>311</v>
      </c>
      <c r="K43" s="19">
        <v>396</v>
      </c>
    </row>
    <row r="44" spans="1:11" ht="15" customHeight="1">
      <c r="A44" s="17" t="s">
        <v>85</v>
      </c>
      <c r="B44" s="17"/>
      <c r="C44" s="13">
        <v>430</v>
      </c>
      <c r="D44" s="19">
        <v>201</v>
      </c>
      <c r="E44" s="19">
        <v>229</v>
      </c>
      <c r="F44" s="19"/>
      <c r="G44" s="18" t="s">
        <v>86</v>
      </c>
      <c r="H44" s="17"/>
      <c r="I44" s="13">
        <v>615</v>
      </c>
      <c r="J44" s="19">
        <v>237</v>
      </c>
      <c r="K44" s="19">
        <v>378</v>
      </c>
    </row>
    <row r="45" spans="1:11" ht="15" customHeight="1">
      <c r="A45" s="17" t="s">
        <v>87</v>
      </c>
      <c r="B45" s="17"/>
      <c r="C45" s="13">
        <v>472</v>
      </c>
      <c r="D45" s="19">
        <v>220</v>
      </c>
      <c r="E45" s="19">
        <v>252</v>
      </c>
      <c r="F45" s="19"/>
      <c r="G45" s="18" t="s">
        <v>88</v>
      </c>
      <c r="H45" s="17"/>
      <c r="I45" s="13">
        <v>600</v>
      </c>
      <c r="J45" s="19">
        <v>253</v>
      </c>
      <c r="K45" s="19">
        <v>347</v>
      </c>
    </row>
    <row r="46" spans="1:11" ht="15" customHeight="1">
      <c r="A46" s="17" t="s">
        <v>89</v>
      </c>
      <c r="B46" s="17"/>
      <c r="C46" s="13">
        <v>505</v>
      </c>
      <c r="D46" s="19">
        <v>244</v>
      </c>
      <c r="E46" s="19">
        <v>261</v>
      </c>
      <c r="F46" s="19"/>
      <c r="G46" s="18" t="s">
        <v>90</v>
      </c>
      <c r="H46" s="17"/>
      <c r="I46" s="13">
        <v>522</v>
      </c>
      <c r="J46" s="19">
        <v>198</v>
      </c>
      <c r="K46" s="19">
        <v>324</v>
      </c>
    </row>
    <row r="47" spans="1:11" ht="20.100000000000001" customHeight="1">
      <c r="A47" s="17" t="s">
        <v>91</v>
      </c>
      <c r="B47" s="17"/>
      <c r="C47" s="13">
        <v>2930</v>
      </c>
      <c r="D47" s="14">
        <v>1350</v>
      </c>
      <c r="E47" s="14">
        <v>1580</v>
      </c>
      <c r="F47" s="14"/>
      <c r="G47" s="18" t="s">
        <v>92</v>
      </c>
      <c r="H47" s="17"/>
      <c r="I47" s="13">
        <v>2060</v>
      </c>
      <c r="J47" s="14">
        <v>773</v>
      </c>
      <c r="K47" s="14">
        <v>1287</v>
      </c>
    </row>
    <row r="48" spans="1:11" ht="15" customHeight="1">
      <c r="A48" s="17" t="s">
        <v>93</v>
      </c>
      <c r="B48" s="17"/>
      <c r="C48" s="13">
        <v>517</v>
      </c>
      <c r="D48" s="19">
        <v>218</v>
      </c>
      <c r="E48" s="19">
        <v>299</v>
      </c>
      <c r="F48" s="19"/>
      <c r="G48" s="18" t="s">
        <v>94</v>
      </c>
      <c r="H48" s="17"/>
      <c r="I48" s="13">
        <v>523</v>
      </c>
      <c r="J48" s="19">
        <v>216</v>
      </c>
      <c r="K48" s="19">
        <v>307</v>
      </c>
    </row>
    <row r="49" spans="1:11" ht="15" customHeight="1">
      <c r="A49" s="17" t="s">
        <v>95</v>
      </c>
      <c r="B49" s="17"/>
      <c r="C49" s="13">
        <v>544</v>
      </c>
      <c r="D49" s="19">
        <v>253</v>
      </c>
      <c r="E49" s="19">
        <v>291</v>
      </c>
      <c r="F49" s="19"/>
      <c r="G49" s="18" t="s">
        <v>96</v>
      </c>
      <c r="H49" s="17"/>
      <c r="I49" s="13">
        <v>452</v>
      </c>
      <c r="J49" s="19">
        <v>171</v>
      </c>
      <c r="K49" s="19">
        <v>281</v>
      </c>
    </row>
    <row r="50" spans="1:11" ht="15" customHeight="1">
      <c r="A50" s="17" t="s">
        <v>97</v>
      </c>
      <c r="B50" s="17"/>
      <c r="C50" s="13">
        <v>568</v>
      </c>
      <c r="D50" s="19">
        <v>271</v>
      </c>
      <c r="E50" s="19">
        <v>297</v>
      </c>
      <c r="F50" s="19"/>
      <c r="G50" s="18" t="s">
        <v>98</v>
      </c>
      <c r="H50" s="17"/>
      <c r="I50" s="13">
        <v>376</v>
      </c>
      <c r="J50" s="19">
        <v>145</v>
      </c>
      <c r="K50" s="19">
        <v>231</v>
      </c>
    </row>
    <row r="51" spans="1:11" ht="15" customHeight="1">
      <c r="A51" s="17" t="s">
        <v>99</v>
      </c>
      <c r="B51" s="17"/>
      <c r="C51" s="13">
        <v>611</v>
      </c>
      <c r="D51" s="19">
        <v>291</v>
      </c>
      <c r="E51" s="19">
        <v>320</v>
      </c>
      <c r="F51" s="19"/>
      <c r="G51" s="18" t="s">
        <v>100</v>
      </c>
      <c r="H51" s="17"/>
      <c r="I51" s="13">
        <v>389</v>
      </c>
      <c r="J51" s="19">
        <v>143</v>
      </c>
      <c r="K51" s="19">
        <v>246</v>
      </c>
    </row>
    <row r="52" spans="1:11" ht="15" customHeight="1">
      <c r="A52" s="17" t="s">
        <v>101</v>
      </c>
      <c r="B52" s="17"/>
      <c r="C52" s="13">
        <v>690</v>
      </c>
      <c r="D52" s="19">
        <v>317</v>
      </c>
      <c r="E52" s="19">
        <v>373</v>
      </c>
      <c r="F52" s="19"/>
      <c r="G52" s="18" t="s">
        <v>102</v>
      </c>
      <c r="H52" s="17"/>
      <c r="I52" s="13">
        <v>320</v>
      </c>
      <c r="J52" s="19">
        <v>98</v>
      </c>
      <c r="K52" s="19">
        <v>222</v>
      </c>
    </row>
    <row r="53" spans="1:11" ht="20.100000000000001" customHeight="1">
      <c r="A53" s="17" t="s">
        <v>103</v>
      </c>
      <c r="B53" s="17"/>
      <c r="C53" s="13">
        <v>4100</v>
      </c>
      <c r="D53" s="14">
        <v>1974</v>
      </c>
      <c r="E53" s="14">
        <v>2126</v>
      </c>
      <c r="F53" s="14"/>
      <c r="G53" s="18" t="s">
        <v>104</v>
      </c>
      <c r="H53" s="17"/>
      <c r="I53" s="13">
        <v>937</v>
      </c>
      <c r="J53" s="14">
        <v>286</v>
      </c>
      <c r="K53" s="14">
        <v>651</v>
      </c>
    </row>
    <row r="54" spans="1:11" ht="15" customHeight="1">
      <c r="A54" s="17" t="s">
        <v>105</v>
      </c>
      <c r="B54" s="17"/>
      <c r="C54" s="13">
        <v>742</v>
      </c>
      <c r="D54" s="19">
        <v>347</v>
      </c>
      <c r="E54" s="19">
        <v>395</v>
      </c>
      <c r="F54" s="19"/>
      <c r="G54" s="18" t="s">
        <v>106</v>
      </c>
      <c r="H54" s="17"/>
      <c r="I54" s="13">
        <v>277</v>
      </c>
      <c r="J54" s="19">
        <v>93</v>
      </c>
      <c r="K54" s="19">
        <v>184</v>
      </c>
    </row>
    <row r="55" spans="1:11" ht="15" customHeight="1">
      <c r="A55" s="17" t="s">
        <v>107</v>
      </c>
      <c r="B55" s="17"/>
      <c r="C55" s="13">
        <v>782</v>
      </c>
      <c r="D55" s="19">
        <v>370</v>
      </c>
      <c r="E55" s="19">
        <v>412</v>
      </c>
      <c r="F55" s="19"/>
      <c r="G55" s="18" t="s">
        <v>108</v>
      </c>
      <c r="H55" s="17"/>
      <c r="I55" s="13">
        <v>213</v>
      </c>
      <c r="J55" s="19">
        <v>59</v>
      </c>
      <c r="K55" s="19">
        <v>154</v>
      </c>
    </row>
    <row r="56" spans="1:11" ht="15" customHeight="1">
      <c r="A56" s="17" t="s">
        <v>109</v>
      </c>
      <c r="B56" s="17"/>
      <c r="C56" s="13">
        <v>833</v>
      </c>
      <c r="D56" s="19">
        <v>395</v>
      </c>
      <c r="E56" s="19">
        <v>438</v>
      </c>
      <c r="F56" s="19"/>
      <c r="G56" s="18" t="s">
        <v>110</v>
      </c>
      <c r="H56" s="17"/>
      <c r="I56" s="13">
        <v>173</v>
      </c>
      <c r="J56" s="19">
        <v>48</v>
      </c>
      <c r="K56" s="19">
        <v>125</v>
      </c>
    </row>
    <row r="57" spans="1:11" ht="15" customHeight="1">
      <c r="A57" s="17" t="s">
        <v>111</v>
      </c>
      <c r="B57" s="17"/>
      <c r="C57" s="13">
        <v>818</v>
      </c>
      <c r="D57" s="19">
        <v>397</v>
      </c>
      <c r="E57" s="19">
        <v>421</v>
      </c>
      <c r="F57" s="19"/>
      <c r="G57" s="18" t="s">
        <v>112</v>
      </c>
      <c r="H57" s="17"/>
      <c r="I57" s="13">
        <v>152</v>
      </c>
      <c r="J57" s="19">
        <v>50</v>
      </c>
      <c r="K57" s="19">
        <v>102</v>
      </c>
    </row>
    <row r="58" spans="1:11" ht="15" customHeight="1">
      <c r="A58" s="17" t="s">
        <v>113</v>
      </c>
      <c r="B58" s="17"/>
      <c r="C58" s="13">
        <v>925</v>
      </c>
      <c r="D58" s="19">
        <v>465</v>
      </c>
      <c r="E58" s="19">
        <v>460</v>
      </c>
      <c r="F58" s="19"/>
      <c r="G58" s="18" t="s">
        <v>114</v>
      </c>
      <c r="H58" s="17"/>
      <c r="I58" s="13">
        <v>122</v>
      </c>
      <c r="J58" s="19">
        <v>36</v>
      </c>
      <c r="K58" s="19">
        <v>86</v>
      </c>
    </row>
    <row r="59" spans="1:11" ht="20.100000000000001" customHeight="1">
      <c r="A59" s="17" t="s">
        <v>115</v>
      </c>
      <c r="B59" s="17"/>
      <c r="C59" s="13">
        <v>4943</v>
      </c>
      <c r="D59" s="14">
        <v>2389</v>
      </c>
      <c r="E59" s="14">
        <v>2554</v>
      </c>
      <c r="F59" s="14"/>
      <c r="G59" s="18" t="s">
        <v>116</v>
      </c>
      <c r="H59" s="17"/>
      <c r="I59" s="13">
        <v>206</v>
      </c>
      <c r="J59" s="14">
        <v>48</v>
      </c>
      <c r="K59" s="14">
        <v>158</v>
      </c>
    </row>
    <row r="60" spans="1:11" ht="15" customHeight="1">
      <c r="A60" s="17" t="s">
        <v>117</v>
      </c>
      <c r="B60" s="17"/>
      <c r="C60" s="13">
        <v>1021</v>
      </c>
      <c r="D60" s="19">
        <v>508</v>
      </c>
      <c r="E60" s="19">
        <v>513</v>
      </c>
      <c r="F60" s="19"/>
      <c r="G60" s="18" t="s">
        <v>118</v>
      </c>
      <c r="H60" s="17"/>
      <c r="I60" s="13">
        <v>83</v>
      </c>
      <c r="J60" s="19">
        <v>23</v>
      </c>
      <c r="K60" s="19">
        <v>60</v>
      </c>
    </row>
    <row r="61" spans="1:11" ht="15" customHeight="1">
      <c r="A61" s="17" t="s">
        <v>119</v>
      </c>
      <c r="B61" s="17"/>
      <c r="C61" s="13">
        <v>978</v>
      </c>
      <c r="D61" s="19">
        <v>447</v>
      </c>
      <c r="E61" s="19">
        <v>531</v>
      </c>
      <c r="F61" s="19"/>
      <c r="G61" s="18" t="s">
        <v>120</v>
      </c>
      <c r="H61" s="17"/>
      <c r="I61" s="13">
        <v>45</v>
      </c>
      <c r="J61" s="19">
        <v>11</v>
      </c>
      <c r="K61" s="19">
        <v>34</v>
      </c>
    </row>
    <row r="62" spans="1:11" ht="15" customHeight="1">
      <c r="A62" s="17" t="s">
        <v>121</v>
      </c>
      <c r="B62" s="17"/>
      <c r="C62" s="13">
        <v>1010</v>
      </c>
      <c r="D62" s="19">
        <v>502</v>
      </c>
      <c r="E62" s="19">
        <v>508</v>
      </c>
      <c r="F62" s="19"/>
      <c r="G62" s="18" t="s">
        <v>122</v>
      </c>
      <c r="H62" s="17"/>
      <c r="I62" s="13">
        <v>40</v>
      </c>
      <c r="J62" s="19">
        <v>7</v>
      </c>
      <c r="K62" s="19">
        <v>33</v>
      </c>
    </row>
    <row r="63" spans="1:11" ht="15" customHeight="1">
      <c r="A63" s="17" t="s">
        <v>123</v>
      </c>
      <c r="B63" s="17"/>
      <c r="C63" s="13">
        <v>995</v>
      </c>
      <c r="D63" s="19">
        <v>486</v>
      </c>
      <c r="E63" s="19">
        <v>509</v>
      </c>
      <c r="F63" s="19"/>
      <c r="G63" s="18" t="s">
        <v>124</v>
      </c>
      <c r="H63" s="17"/>
      <c r="I63" s="13">
        <v>25</v>
      </c>
      <c r="J63" s="19">
        <v>3</v>
      </c>
      <c r="K63" s="19">
        <v>22</v>
      </c>
    </row>
    <row r="64" spans="1:11" ht="15" customHeight="1">
      <c r="A64" s="17" t="s">
        <v>125</v>
      </c>
      <c r="B64" s="17"/>
      <c r="C64" s="13">
        <v>939</v>
      </c>
      <c r="D64" s="19">
        <v>446</v>
      </c>
      <c r="E64" s="19">
        <v>493</v>
      </c>
      <c r="F64" s="19"/>
      <c r="G64" s="18" t="s">
        <v>126</v>
      </c>
      <c r="H64" s="17"/>
      <c r="I64" s="13">
        <v>13</v>
      </c>
      <c r="J64" s="19">
        <v>4</v>
      </c>
      <c r="K64" s="19">
        <v>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4</v>
      </c>
      <c r="J65" s="19">
        <v>1</v>
      </c>
      <c r="K65" s="19">
        <v>1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81</v>
      </c>
      <c r="J66" s="29">
        <v>81</v>
      </c>
      <c r="K66" s="29">
        <v>10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2" pageOrder="overThenDown" orientation="portrait" blackAndWhite="1" useFirstPageNumber="1" horizontalDpi="300" verticalDpi="300"/>
  <headerFooter scaleWithDoc="0"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3042</v>
      </c>
      <c r="D4" s="14">
        <v>20662</v>
      </c>
      <c r="E4" s="14">
        <v>2238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15</v>
      </c>
      <c r="D5" s="14">
        <v>538</v>
      </c>
      <c r="E5" s="14">
        <v>477</v>
      </c>
      <c r="F5" s="14"/>
      <c r="G5" s="18" t="s">
        <v>8</v>
      </c>
      <c r="H5" s="17"/>
      <c r="I5" s="13">
        <v>2826</v>
      </c>
      <c r="J5" s="14">
        <v>1428</v>
      </c>
      <c r="K5" s="14">
        <v>1398</v>
      </c>
    </row>
    <row r="6" spans="1:11" ht="15" customHeight="1">
      <c r="A6" s="17" t="s">
        <v>9</v>
      </c>
      <c r="B6" s="17"/>
      <c r="C6" s="13">
        <v>178</v>
      </c>
      <c r="D6" s="19">
        <v>90</v>
      </c>
      <c r="E6" s="19">
        <v>88</v>
      </c>
      <c r="F6" s="19"/>
      <c r="G6" s="18" t="s">
        <v>10</v>
      </c>
      <c r="H6" s="17"/>
      <c r="I6" s="13">
        <v>601</v>
      </c>
      <c r="J6" s="19">
        <v>291</v>
      </c>
      <c r="K6" s="19">
        <v>310</v>
      </c>
    </row>
    <row r="7" spans="1:11" ht="15" customHeight="1">
      <c r="A7" s="17" t="s">
        <v>11</v>
      </c>
      <c r="B7" s="17"/>
      <c r="C7" s="13">
        <v>199</v>
      </c>
      <c r="D7" s="19">
        <v>110</v>
      </c>
      <c r="E7" s="19">
        <v>89</v>
      </c>
      <c r="F7" s="19"/>
      <c r="G7" s="18" t="s">
        <v>12</v>
      </c>
      <c r="H7" s="17"/>
      <c r="I7" s="13">
        <v>637</v>
      </c>
      <c r="J7" s="19">
        <v>330</v>
      </c>
      <c r="K7" s="19">
        <v>307</v>
      </c>
    </row>
    <row r="8" spans="1:11" ht="15" customHeight="1">
      <c r="A8" s="17" t="s">
        <v>13</v>
      </c>
      <c r="B8" s="17"/>
      <c r="C8" s="13">
        <v>214</v>
      </c>
      <c r="D8" s="19">
        <v>111</v>
      </c>
      <c r="E8" s="19">
        <v>103</v>
      </c>
      <c r="F8" s="19"/>
      <c r="G8" s="18" t="s">
        <v>14</v>
      </c>
      <c r="H8" s="17"/>
      <c r="I8" s="13">
        <v>428</v>
      </c>
      <c r="J8" s="19">
        <v>226</v>
      </c>
      <c r="K8" s="19">
        <v>202</v>
      </c>
    </row>
    <row r="9" spans="1:11" ht="15" customHeight="1">
      <c r="A9" s="17" t="s">
        <v>15</v>
      </c>
      <c r="B9" s="17"/>
      <c r="C9" s="13">
        <v>199</v>
      </c>
      <c r="D9" s="19">
        <v>111</v>
      </c>
      <c r="E9" s="19">
        <v>88</v>
      </c>
      <c r="F9" s="19"/>
      <c r="G9" s="18" t="s">
        <v>16</v>
      </c>
      <c r="H9" s="17"/>
      <c r="I9" s="13">
        <v>562</v>
      </c>
      <c r="J9" s="19">
        <v>288</v>
      </c>
      <c r="K9" s="19">
        <v>274</v>
      </c>
    </row>
    <row r="10" spans="1:11" ht="15" customHeight="1">
      <c r="A10" s="17" t="s">
        <v>17</v>
      </c>
      <c r="B10" s="17"/>
      <c r="C10" s="13">
        <v>225</v>
      </c>
      <c r="D10" s="19">
        <v>116</v>
      </c>
      <c r="E10" s="19">
        <v>109</v>
      </c>
      <c r="F10" s="19"/>
      <c r="G10" s="18" t="s">
        <v>18</v>
      </c>
      <c r="H10" s="17"/>
      <c r="I10" s="13">
        <v>598</v>
      </c>
      <c r="J10" s="19">
        <v>293</v>
      </c>
      <c r="K10" s="19">
        <v>305</v>
      </c>
    </row>
    <row r="11" spans="1:11" ht="20.100000000000001" customHeight="1">
      <c r="A11" s="17" t="s">
        <v>19</v>
      </c>
      <c r="B11" s="17"/>
      <c r="C11" s="13">
        <v>1221</v>
      </c>
      <c r="D11" s="14">
        <v>629</v>
      </c>
      <c r="E11" s="14">
        <v>592</v>
      </c>
      <c r="F11" s="14"/>
      <c r="G11" s="18" t="s">
        <v>20</v>
      </c>
      <c r="H11" s="17"/>
      <c r="I11" s="13">
        <v>2703</v>
      </c>
      <c r="J11" s="14">
        <v>1351</v>
      </c>
      <c r="K11" s="14">
        <v>1352</v>
      </c>
    </row>
    <row r="12" spans="1:11" ht="15" customHeight="1">
      <c r="A12" s="17" t="s">
        <v>21</v>
      </c>
      <c r="B12" s="17"/>
      <c r="C12" s="13">
        <v>224</v>
      </c>
      <c r="D12" s="19">
        <v>113</v>
      </c>
      <c r="E12" s="19">
        <v>111</v>
      </c>
      <c r="F12" s="19"/>
      <c r="G12" s="18" t="s">
        <v>22</v>
      </c>
      <c r="H12" s="17"/>
      <c r="I12" s="13">
        <v>538</v>
      </c>
      <c r="J12" s="19">
        <v>278</v>
      </c>
      <c r="K12" s="19">
        <v>260</v>
      </c>
    </row>
    <row r="13" spans="1:11" ht="15" customHeight="1">
      <c r="A13" s="17" t="s">
        <v>23</v>
      </c>
      <c r="B13" s="17"/>
      <c r="C13" s="13">
        <v>204</v>
      </c>
      <c r="D13" s="19">
        <v>103</v>
      </c>
      <c r="E13" s="19">
        <v>101</v>
      </c>
      <c r="F13" s="19"/>
      <c r="G13" s="18" t="s">
        <v>24</v>
      </c>
      <c r="H13" s="17"/>
      <c r="I13" s="13">
        <v>548</v>
      </c>
      <c r="J13" s="19">
        <v>283</v>
      </c>
      <c r="K13" s="19">
        <v>265</v>
      </c>
    </row>
    <row r="14" spans="1:11" ht="15" customHeight="1">
      <c r="A14" s="17" t="s">
        <v>25</v>
      </c>
      <c r="B14" s="17"/>
      <c r="C14" s="13">
        <v>256</v>
      </c>
      <c r="D14" s="19">
        <v>141</v>
      </c>
      <c r="E14" s="19">
        <v>115</v>
      </c>
      <c r="F14" s="19"/>
      <c r="G14" s="18" t="s">
        <v>26</v>
      </c>
      <c r="H14" s="17"/>
      <c r="I14" s="13">
        <v>551</v>
      </c>
      <c r="J14" s="19">
        <v>269</v>
      </c>
      <c r="K14" s="19">
        <v>282</v>
      </c>
    </row>
    <row r="15" spans="1:11" ht="15" customHeight="1">
      <c r="A15" s="17" t="s">
        <v>27</v>
      </c>
      <c r="B15" s="17"/>
      <c r="C15" s="13">
        <v>278</v>
      </c>
      <c r="D15" s="19">
        <v>145</v>
      </c>
      <c r="E15" s="19">
        <v>133</v>
      </c>
      <c r="F15" s="19"/>
      <c r="G15" s="18" t="s">
        <v>28</v>
      </c>
      <c r="H15" s="17"/>
      <c r="I15" s="13">
        <v>540</v>
      </c>
      <c r="J15" s="19">
        <v>265</v>
      </c>
      <c r="K15" s="19">
        <v>275</v>
      </c>
    </row>
    <row r="16" spans="1:11" ht="15" customHeight="1">
      <c r="A16" s="17" t="s">
        <v>29</v>
      </c>
      <c r="B16" s="17"/>
      <c r="C16" s="13">
        <v>259</v>
      </c>
      <c r="D16" s="19">
        <v>127</v>
      </c>
      <c r="E16" s="19">
        <v>132</v>
      </c>
      <c r="F16" s="19"/>
      <c r="G16" s="18" t="s">
        <v>30</v>
      </c>
      <c r="H16" s="17"/>
      <c r="I16" s="13">
        <v>526</v>
      </c>
      <c r="J16" s="19">
        <v>256</v>
      </c>
      <c r="K16" s="19">
        <v>270</v>
      </c>
    </row>
    <row r="17" spans="1:11" ht="20.100000000000001" customHeight="1">
      <c r="A17" s="20" t="s">
        <v>31</v>
      </c>
      <c r="B17" s="20"/>
      <c r="C17" s="13">
        <v>1540</v>
      </c>
      <c r="D17" s="14">
        <v>769</v>
      </c>
      <c r="E17" s="14">
        <v>771</v>
      </c>
      <c r="F17" s="14"/>
      <c r="G17" s="18" t="s">
        <v>32</v>
      </c>
      <c r="H17" s="17"/>
      <c r="I17" s="13">
        <v>2997</v>
      </c>
      <c r="J17" s="14">
        <v>1484</v>
      </c>
      <c r="K17" s="14">
        <v>1513</v>
      </c>
    </row>
    <row r="18" spans="1:11" ht="15" customHeight="1">
      <c r="A18" s="17" t="s">
        <v>33</v>
      </c>
      <c r="B18" s="17"/>
      <c r="C18" s="13">
        <v>288</v>
      </c>
      <c r="D18" s="19">
        <v>123</v>
      </c>
      <c r="E18" s="19">
        <v>165</v>
      </c>
      <c r="F18" s="19"/>
      <c r="G18" s="18" t="s">
        <v>34</v>
      </c>
      <c r="H18" s="17"/>
      <c r="I18" s="13">
        <v>567</v>
      </c>
      <c r="J18" s="19">
        <v>281</v>
      </c>
      <c r="K18" s="19">
        <v>286</v>
      </c>
    </row>
    <row r="19" spans="1:11" ht="15" customHeight="1">
      <c r="A19" s="17" t="s">
        <v>35</v>
      </c>
      <c r="B19" s="17"/>
      <c r="C19" s="13">
        <v>290</v>
      </c>
      <c r="D19" s="19">
        <v>149</v>
      </c>
      <c r="E19" s="19">
        <v>141</v>
      </c>
      <c r="F19" s="19"/>
      <c r="G19" s="18" t="s">
        <v>36</v>
      </c>
      <c r="H19" s="17"/>
      <c r="I19" s="13">
        <v>541</v>
      </c>
      <c r="J19" s="19">
        <v>277</v>
      </c>
      <c r="K19" s="19">
        <v>264</v>
      </c>
    </row>
    <row r="20" spans="1:11" ht="15" customHeight="1">
      <c r="A20" s="17" t="s">
        <v>37</v>
      </c>
      <c r="B20" s="17"/>
      <c r="C20" s="13">
        <v>297</v>
      </c>
      <c r="D20" s="19">
        <v>154</v>
      </c>
      <c r="E20" s="19">
        <v>143</v>
      </c>
      <c r="F20" s="19"/>
      <c r="G20" s="18" t="s">
        <v>38</v>
      </c>
      <c r="H20" s="17"/>
      <c r="I20" s="13">
        <v>557</v>
      </c>
      <c r="J20" s="19">
        <v>280</v>
      </c>
      <c r="K20" s="19">
        <v>277</v>
      </c>
    </row>
    <row r="21" spans="1:11" ht="15" customHeight="1">
      <c r="A21" s="17" t="s">
        <v>39</v>
      </c>
      <c r="B21" s="17"/>
      <c r="C21" s="13">
        <v>321</v>
      </c>
      <c r="D21" s="19">
        <v>158</v>
      </c>
      <c r="E21" s="19">
        <v>163</v>
      </c>
      <c r="F21" s="19"/>
      <c r="G21" s="18" t="s">
        <v>40</v>
      </c>
      <c r="H21" s="17"/>
      <c r="I21" s="13">
        <v>667</v>
      </c>
      <c r="J21" s="19">
        <v>314</v>
      </c>
      <c r="K21" s="19">
        <v>353</v>
      </c>
    </row>
    <row r="22" spans="1:11" ht="15" customHeight="1">
      <c r="A22" s="17" t="s">
        <v>41</v>
      </c>
      <c r="B22" s="17"/>
      <c r="C22" s="13">
        <v>344</v>
      </c>
      <c r="D22" s="19">
        <v>185</v>
      </c>
      <c r="E22" s="19">
        <v>159</v>
      </c>
      <c r="F22" s="19"/>
      <c r="G22" s="18" t="s">
        <v>42</v>
      </c>
      <c r="H22" s="17"/>
      <c r="I22" s="13">
        <v>665</v>
      </c>
      <c r="J22" s="19">
        <v>332</v>
      </c>
      <c r="K22" s="19">
        <v>333</v>
      </c>
    </row>
    <row r="23" spans="1:11" ht="20.100000000000001" customHeight="1">
      <c r="A23" s="17" t="s">
        <v>43</v>
      </c>
      <c r="B23" s="17"/>
      <c r="C23" s="13">
        <v>1793</v>
      </c>
      <c r="D23" s="14">
        <v>897</v>
      </c>
      <c r="E23" s="14">
        <v>896</v>
      </c>
      <c r="F23" s="14"/>
      <c r="G23" s="18" t="s">
        <v>44</v>
      </c>
      <c r="H23" s="17"/>
      <c r="I23" s="13">
        <v>4187</v>
      </c>
      <c r="J23" s="14">
        <v>2074</v>
      </c>
      <c r="K23" s="14">
        <v>2113</v>
      </c>
    </row>
    <row r="24" spans="1:11" ht="15" customHeight="1">
      <c r="A24" s="17" t="s">
        <v>45</v>
      </c>
      <c r="B24" s="17"/>
      <c r="C24" s="13">
        <v>350</v>
      </c>
      <c r="D24" s="19">
        <v>179</v>
      </c>
      <c r="E24" s="19">
        <v>171</v>
      </c>
      <c r="F24" s="19"/>
      <c r="G24" s="18" t="s">
        <v>46</v>
      </c>
      <c r="H24" s="17"/>
      <c r="I24" s="13">
        <v>763</v>
      </c>
      <c r="J24" s="19">
        <v>346</v>
      </c>
      <c r="K24" s="19">
        <v>417</v>
      </c>
    </row>
    <row r="25" spans="1:11" ht="15" customHeight="1">
      <c r="A25" s="17" t="s">
        <v>47</v>
      </c>
      <c r="B25" s="17"/>
      <c r="C25" s="13">
        <v>354</v>
      </c>
      <c r="D25" s="19">
        <v>168</v>
      </c>
      <c r="E25" s="19">
        <v>186</v>
      </c>
      <c r="F25" s="19"/>
      <c r="G25" s="18" t="s">
        <v>48</v>
      </c>
      <c r="H25" s="17"/>
      <c r="I25" s="13">
        <v>763</v>
      </c>
      <c r="J25" s="19">
        <v>395</v>
      </c>
      <c r="K25" s="19">
        <v>368</v>
      </c>
    </row>
    <row r="26" spans="1:11" ht="15" customHeight="1">
      <c r="A26" s="17" t="s">
        <v>49</v>
      </c>
      <c r="B26" s="17"/>
      <c r="C26" s="13">
        <v>362</v>
      </c>
      <c r="D26" s="19">
        <v>191</v>
      </c>
      <c r="E26" s="19">
        <v>171</v>
      </c>
      <c r="F26" s="19"/>
      <c r="G26" s="18" t="s">
        <v>50</v>
      </c>
      <c r="H26" s="17"/>
      <c r="I26" s="13">
        <v>840</v>
      </c>
      <c r="J26" s="19">
        <v>404</v>
      </c>
      <c r="K26" s="19">
        <v>436</v>
      </c>
    </row>
    <row r="27" spans="1:11" ht="15" customHeight="1">
      <c r="A27" s="17" t="s">
        <v>51</v>
      </c>
      <c r="B27" s="17"/>
      <c r="C27" s="13">
        <v>363</v>
      </c>
      <c r="D27" s="19">
        <v>173</v>
      </c>
      <c r="E27" s="19">
        <v>190</v>
      </c>
      <c r="F27" s="19"/>
      <c r="G27" s="18" t="s">
        <v>52</v>
      </c>
      <c r="H27" s="17"/>
      <c r="I27" s="13">
        <v>867</v>
      </c>
      <c r="J27" s="19">
        <v>463</v>
      </c>
      <c r="K27" s="19">
        <v>404</v>
      </c>
    </row>
    <row r="28" spans="1:11" ht="15" customHeight="1">
      <c r="A28" s="17" t="s">
        <v>53</v>
      </c>
      <c r="B28" s="17"/>
      <c r="C28" s="13">
        <v>364</v>
      </c>
      <c r="D28" s="19">
        <v>186</v>
      </c>
      <c r="E28" s="19">
        <v>178</v>
      </c>
      <c r="F28" s="19"/>
      <c r="G28" s="18" t="s">
        <v>54</v>
      </c>
      <c r="H28" s="17"/>
      <c r="I28" s="13">
        <v>954</v>
      </c>
      <c r="J28" s="19">
        <v>466</v>
      </c>
      <c r="K28" s="19">
        <v>488</v>
      </c>
    </row>
    <row r="29" spans="1:11" ht="20.100000000000001" customHeight="1">
      <c r="A29" s="17" t="s">
        <v>55</v>
      </c>
      <c r="B29" s="17"/>
      <c r="C29" s="13">
        <v>1742</v>
      </c>
      <c r="D29" s="14">
        <v>892</v>
      </c>
      <c r="E29" s="14">
        <v>850</v>
      </c>
      <c r="F29" s="14"/>
      <c r="G29" s="18" t="s">
        <v>56</v>
      </c>
      <c r="H29" s="17"/>
      <c r="I29" s="13">
        <v>3891</v>
      </c>
      <c r="J29" s="14">
        <v>1858</v>
      </c>
      <c r="K29" s="14">
        <v>2033</v>
      </c>
    </row>
    <row r="30" spans="1:11" ht="15" customHeight="1">
      <c r="A30" s="17" t="s">
        <v>57</v>
      </c>
      <c r="B30" s="17"/>
      <c r="C30" s="13">
        <v>385</v>
      </c>
      <c r="D30" s="19">
        <v>207</v>
      </c>
      <c r="E30" s="19">
        <v>178</v>
      </c>
      <c r="F30" s="19"/>
      <c r="G30" s="18" t="s">
        <v>58</v>
      </c>
      <c r="H30" s="17"/>
      <c r="I30" s="13">
        <v>956</v>
      </c>
      <c r="J30" s="19">
        <v>466</v>
      </c>
      <c r="K30" s="19">
        <v>490</v>
      </c>
    </row>
    <row r="31" spans="1:11" ht="15" customHeight="1">
      <c r="A31" s="17" t="s">
        <v>59</v>
      </c>
      <c r="B31" s="17"/>
      <c r="C31" s="13">
        <v>388</v>
      </c>
      <c r="D31" s="19">
        <v>186</v>
      </c>
      <c r="E31" s="19">
        <v>202</v>
      </c>
      <c r="F31" s="19"/>
      <c r="G31" s="18" t="s">
        <v>60</v>
      </c>
      <c r="H31" s="17"/>
      <c r="I31" s="13">
        <v>1007</v>
      </c>
      <c r="J31" s="19">
        <v>487</v>
      </c>
      <c r="K31" s="19">
        <v>520</v>
      </c>
    </row>
    <row r="32" spans="1:11" ht="15" customHeight="1">
      <c r="A32" s="17" t="s">
        <v>61</v>
      </c>
      <c r="B32" s="17"/>
      <c r="C32" s="13">
        <v>325</v>
      </c>
      <c r="D32" s="19">
        <v>170</v>
      </c>
      <c r="E32" s="19">
        <v>155</v>
      </c>
      <c r="F32" s="19"/>
      <c r="G32" s="18" t="s">
        <v>62</v>
      </c>
      <c r="H32" s="17"/>
      <c r="I32" s="13">
        <v>682</v>
      </c>
      <c r="J32" s="19">
        <v>318</v>
      </c>
      <c r="K32" s="19">
        <v>364</v>
      </c>
    </row>
    <row r="33" spans="1:11" ht="15" customHeight="1">
      <c r="A33" s="17" t="s">
        <v>63</v>
      </c>
      <c r="B33" s="17"/>
      <c r="C33" s="13">
        <v>327</v>
      </c>
      <c r="D33" s="19">
        <v>161</v>
      </c>
      <c r="E33" s="19">
        <v>166</v>
      </c>
      <c r="F33" s="19"/>
      <c r="G33" s="18" t="s">
        <v>64</v>
      </c>
      <c r="H33" s="17"/>
      <c r="I33" s="13">
        <v>516</v>
      </c>
      <c r="J33" s="19">
        <v>248</v>
      </c>
      <c r="K33" s="19">
        <v>268</v>
      </c>
    </row>
    <row r="34" spans="1:11" ht="15" customHeight="1">
      <c r="A34" s="17" t="s">
        <v>65</v>
      </c>
      <c r="B34" s="17"/>
      <c r="C34" s="13">
        <v>317</v>
      </c>
      <c r="D34" s="19">
        <v>168</v>
      </c>
      <c r="E34" s="19">
        <v>149</v>
      </c>
      <c r="F34" s="19"/>
      <c r="G34" s="18" t="s">
        <v>66</v>
      </c>
      <c r="H34" s="17"/>
      <c r="I34" s="13">
        <v>730</v>
      </c>
      <c r="J34" s="19">
        <v>339</v>
      </c>
      <c r="K34" s="19">
        <v>391</v>
      </c>
    </row>
    <row r="35" spans="1:11" ht="20.100000000000001" customHeight="1">
      <c r="A35" s="17" t="s">
        <v>67</v>
      </c>
      <c r="B35" s="17"/>
      <c r="C35" s="13">
        <v>1452</v>
      </c>
      <c r="D35" s="14">
        <v>725</v>
      </c>
      <c r="E35" s="14">
        <v>727</v>
      </c>
      <c r="F35" s="14"/>
      <c r="G35" s="18" t="s">
        <v>68</v>
      </c>
      <c r="H35" s="17"/>
      <c r="I35" s="13">
        <v>3425</v>
      </c>
      <c r="J35" s="14">
        <v>1533</v>
      </c>
      <c r="K35" s="14">
        <v>1892</v>
      </c>
    </row>
    <row r="36" spans="1:11" ht="15" customHeight="1">
      <c r="A36" s="17" t="s">
        <v>69</v>
      </c>
      <c r="B36" s="17"/>
      <c r="C36" s="13">
        <v>321</v>
      </c>
      <c r="D36" s="19">
        <v>159</v>
      </c>
      <c r="E36" s="19">
        <v>162</v>
      </c>
      <c r="F36" s="19"/>
      <c r="G36" s="18" t="s">
        <v>70</v>
      </c>
      <c r="H36" s="17"/>
      <c r="I36" s="13">
        <v>748</v>
      </c>
      <c r="J36" s="19">
        <v>344</v>
      </c>
      <c r="K36" s="19">
        <v>404</v>
      </c>
    </row>
    <row r="37" spans="1:11" ht="15" customHeight="1">
      <c r="A37" s="17" t="s">
        <v>71</v>
      </c>
      <c r="B37" s="17"/>
      <c r="C37" s="13">
        <v>285</v>
      </c>
      <c r="D37" s="19">
        <v>148</v>
      </c>
      <c r="E37" s="19">
        <v>137</v>
      </c>
      <c r="F37" s="19"/>
      <c r="G37" s="18" t="s">
        <v>72</v>
      </c>
      <c r="H37" s="17"/>
      <c r="I37" s="13">
        <v>746</v>
      </c>
      <c r="J37" s="19">
        <v>335</v>
      </c>
      <c r="K37" s="19">
        <v>411</v>
      </c>
    </row>
    <row r="38" spans="1:11" ht="15" customHeight="1">
      <c r="A38" s="17" t="s">
        <v>73</v>
      </c>
      <c r="B38" s="17"/>
      <c r="C38" s="13">
        <v>302</v>
      </c>
      <c r="D38" s="19">
        <v>147</v>
      </c>
      <c r="E38" s="19">
        <v>155</v>
      </c>
      <c r="F38" s="19"/>
      <c r="G38" s="18" t="s">
        <v>74</v>
      </c>
      <c r="H38" s="17"/>
      <c r="I38" s="13">
        <v>739</v>
      </c>
      <c r="J38" s="19">
        <v>340</v>
      </c>
      <c r="K38" s="19">
        <v>399</v>
      </c>
    </row>
    <row r="39" spans="1:11" ht="15" customHeight="1">
      <c r="A39" s="17" t="s">
        <v>75</v>
      </c>
      <c r="B39" s="17"/>
      <c r="C39" s="13">
        <v>264</v>
      </c>
      <c r="D39" s="19">
        <v>130</v>
      </c>
      <c r="E39" s="19">
        <v>134</v>
      </c>
      <c r="F39" s="19"/>
      <c r="G39" s="18" t="s">
        <v>76</v>
      </c>
      <c r="H39" s="17"/>
      <c r="I39" s="13">
        <v>637</v>
      </c>
      <c r="J39" s="19">
        <v>263</v>
      </c>
      <c r="K39" s="19">
        <v>374</v>
      </c>
    </row>
    <row r="40" spans="1:11" ht="15" customHeight="1">
      <c r="A40" s="17" t="s">
        <v>77</v>
      </c>
      <c r="B40" s="17"/>
      <c r="C40" s="13">
        <v>280</v>
      </c>
      <c r="D40" s="19">
        <v>141</v>
      </c>
      <c r="E40" s="19">
        <v>139</v>
      </c>
      <c r="F40" s="19"/>
      <c r="G40" s="18" t="s">
        <v>78</v>
      </c>
      <c r="H40" s="17"/>
      <c r="I40" s="13">
        <v>555</v>
      </c>
      <c r="J40" s="19">
        <v>251</v>
      </c>
      <c r="K40" s="19">
        <v>304</v>
      </c>
    </row>
    <row r="41" spans="1:11" ht="20.100000000000001" customHeight="1">
      <c r="A41" s="17" t="s">
        <v>79</v>
      </c>
      <c r="B41" s="17"/>
      <c r="C41" s="13">
        <v>1599</v>
      </c>
      <c r="D41" s="14">
        <v>818</v>
      </c>
      <c r="E41" s="14">
        <v>781</v>
      </c>
      <c r="F41" s="14"/>
      <c r="G41" s="18" t="s">
        <v>80</v>
      </c>
      <c r="H41" s="17"/>
      <c r="I41" s="13">
        <v>2517</v>
      </c>
      <c r="J41" s="14">
        <v>1042</v>
      </c>
      <c r="K41" s="14">
        <v>1475</v>
      </c>
    </row>
    <row r="42" spans="1:11" ht="15" customHeight="1">
      <c r="A42" s="17" t="s">
        <v>81</v>
      </c>
      <c r="B42" s="17"/>
      <c r="C42" s="13">
        <v>309</v>
      </c>
      <c r="D42" s="19">
        <v>170</v>
      </c>
      <c r="E42" s="19">
        <v>139</v>
      </c>
      <c r="F42" s="19"/>
      <c r="G42" s="18" t="s">
        <v>82</v>
      </c>
      <c r="H42" s="17"/>
      <c r="I42" s="13">
        <v>512</v>
      </c>
      <c r="J42" s="19">
        <v>209</v>
      </c>
      <c r="K42" s="19">
        <v>303</v>
      </c>
    </row>
    <row r="43" spans="1:11" ht="15" customHeight="1">
      <c r="A43" s="17" t="s">
        <v>83</v>
      </c>
      <c r="B43" s="17"/>
      <c r="C43" s="13">
        <v>321</v>
      </c>
      <c r="D43" s="19">
        <v>161</v>
      </c>
      <c r="E43" s="19">
        <v>160</v>
      </c>
      <c r="F43" s="19"/>
      <c r="G43" s="18" t="s">
        <v>84</v>
      </c>
      <c r="H43" s="17"/>
      <c r="I43" s="13">
        <v>585</v>
      </c>
      <c r="J43" s="19">
        <v>247</v>
      </c>
      <c r="K43" s="19">
        <v>338</v>
      </c>
    </row>
    <row r="44" spans="1:11" ht="15" customHeight="1">
      <c r="A44" s="17" t="s">
        <v>85</v>
      </c>
      <c r="B44" s="17"/>
      <c r="C44" s="13">
        <v>310</v>
      </c>
      <c r="D44" s="19">
        <v>153</v>
      </c>
      <c r="E44" s="19">
        <v>157</v>
      </c>
      <c r="F44" s="19"/>
      <c r="G44" s="18" t="s">
        <v>86</v>
      </c>
      <c r="H44" s="17"/>
      <c r="I44" s="13">
        <v>502</v>
      </c>
      <c r="J44" s="19">
        <v>211</v>
      </c>
      <c r="K44" s="19">
        <v>291</v>
      </c>
    </row>
    <row r="45" spans="1:11" ht="15" customHeight="1">
      <c r="A45" s="17" t="s">
        <v>87</v>
      </c>
      <c r="B45" s="17"/>
      <c r="C45" s="13">
        <v>333</v>
      </c>
      <c r="D45" s="19">
        <v>167</v>
      </c>
      <c r="E45" s="19">
        <v>166</v>
      </c>
      <c r="F45" s="19"/>
      <c r="G45" s="18" t="s">
        <v>88</v>
      </c>
      <c r="H45" s="17"/>
      <c r="I45" s="13">
        <v>495</v>
      </c>
      <c r="J45" s="19">
        <v>198</v>
      </c>
      <c r="K45" s="19">
        <v>297</v>
      </c>
    </row>
    <row r="46" spans="1:11" ht="15" customHeight="1">
      <c r="A46" s="17" t="s">
        <v>89</v>
      </c>
      <c r="B46" s="17"/>
      <c r="C46" s="13">
        <v>326</v>
      </c>
      <c r="D46" s="19">
        <v>167</v>
      </c>
      <c r="E46" s="19">
        <v>159</v>
      </c>
      <c r="F46" s="19"/>
      <c r="G46" s="18" t="s">
        <v>90</v>
      </c>
      <c r="H46" s="17"/>
      <c r="I46" s="13">
        <v>423</v>
      </c>
      <c r="J46" s="19">
        <v>177</v>
      </c>
      <c r="K46" s="19">
        <v>246</v>
      </c>
    </row>
    <row r="47" spans="1:11" ht="20.100000000000001" customHeight="1">
      <c r="A47" s="17" t="s">
        <v>91</v>
      </c>
      <c r="B47" s="17"/>
      <c r="C47" s="13">
        <v>1854</v>
      </c>
      <c r="D47" s="14">
        <v>943</v>
      </c>
      <c r="E47" s="14">
        <v>911</v>
      </c>
      <c r="F47" s="14"/>
      <c r="G47" s="18" t="s">
        <v>92</v>
      </c>
      <c r="H47" s="17"/>
      <c r="I47" s="13">
        <v>1743</v>
      </c>
      <c r="J47" s="14">
        <v>610</v>
      </c>
      <c r="K47" s="14">
        <v>1133</v>
      </c>
    </row>
    <row r="48" spans="1:11" ht="15" customHeight="1">
      <c r="A48" s="17" t="s">
        <v>93</v>
      </c>
      <c r="B48" s="17"/>
      <c r="C48" s="13">
        <v>347</v>
      </c>
      <c r="D48" s="19">
        <v>186</v>
      </c>
      <c r="E48" s="19">
        <v>161</v>
      </c>
      <c r="F48" s="19"/>
      <c r="G48" s="18" t="s">
        <v>94</v>
      </c>
      <c r="H48" s="17"/>
      <c r="I48" s="13">
        <v>446</v>
      </c>
      <c r="J48" s="19">
        <v>182</v>
      </c>
      <c r="K48" s="19">
        <v>264</v>
      </c>
    </row>
    <row r="49" spans="1:11" ht="15" customHeight="1">
      <c r="A49" s="17" t="s">
        <v>95</v>
      </c>
      <c r="B49" s="17"/>
      <c r="C49" s="13">
        <v>374</v>
      </c>
      <c r="D49" s="19">
        <v>196</v>
      </c>
      <c r="E49" s="19">
        <v>178</v>
      </c>
      <c r="F49" s="19"/>
      <c r="G49" s="18" t="s">
        <v>96</v>
      </c>
      <c r="H49" s="17"/>
      <c r="I49" s="13">
        <v>367</v>
      </c>
      <c r="J49" s="19">
        <v>122</v>
      </c>
      <c r="K49" s="19">
        <v>245</v>
      </c>
    </row>
    <row r="50" spans="1:11" ht="15" customHeight="1">
      <c r="A50" s="17" t="s">
        <v>97</v>
      </c>
      <c r="B50" s="17"/>
      <c r="C50" s="13">
        <v>360</v>
      </c>
      <c r="D50" s="19">
        <v>178</v>
      </c>
      <c r="E50" s="19">
        <v>182</v>
      </c>
      <c r="F50" s="19"/>
      <c r="G50" s="18" t="s">
        <v>98</v>
      </c>
      <c r="H50" s="17"/>
      <c r="I50" s="13">
        <v>333</v>
      </c>
      <c r="J50" s="19">
        <v>110</v>
      </c>
      <c r="K50" s="19">
        <v>223</v>
      </c>
    </row>
    <row r="51" spans="1:11" ht="15" customHeight="1">
      <c r="A51" s="17" t="s">
        <v>99</v>
      </c>
      <c r="B51" s="17"/>
      <c r="C51" s="13">
        <v>395</v>
      </c>
      <c r="D51" s="19">
        <v>192</v>
      </c>
      <c r="E51" s="19">
        <v>203</v>
      </c>
      <c r="F51" s="19"/>
      <c r="G51" s="18" t="s">
        <v>100</v>
      </c>
      <c r="H51" s="17"/>
      <c r="I51" s="13">
        <v>337</v>
      </c>
      <c r="J51" s="19">
        <v>127</v>
      </c>
      <c r="K51" s="19">
        <v>210</v>
      </c>
    </row>
    <row r="52" spans="1:11" ht="15" customHeight="1">
      <c r="A52" s="17" t="s">
        <v>101</v>
      </c>
      <c r="B52" s="17"/>
      <c r="C52" s="13">
        <v>378</v>
      </c>
      <c r="D52" s="19">
        <v>191</v>
      </c>
      <c r="E52" s="19">
        <v>187</v>
      </c>
      <c r="F52" s="19"/>
      <c r="G52" s="18" t="s">
        <v>102</v>
      </c>
      <c r="H52" s="17"/>
      <c r="I52" s="13">
        <v>260</v>
      </c>
      <c r="J52" s="19">
        <v>69</v>
      </c>
      <c r="K52" s="19">
        <v>191</v>
      </c>
    </row>
    <row r="53" spans="1:11" ht="20.100000000000001" customHeight="1">
      <c r="A53" s="17" t="s">
        <v>103</v>
      </c>
      <c r="B53" s="17"/>
      <c r="C53" s="13">
        <v>2387</v>
      </c>
      <c r="D53" s="14">
        <v>1233</v>
      </c>
      <c r="E53" s="14">
        <v>1154</v>
      </c>
      <c r="F53" s="14"/>
      <c r="G53" s="18" t="s">
        <v>104</v>
      </c>
      <c r="H53" s="17"/>
      <c r="I53" s="13">
        <v>839</v>
      </c>
      <c r="J53" s="14">
        <v>221</v>
      </c>
      <c r="K53" s="14">
        <v>618</v>
      </c>
    </row>
    <row r="54" spans="1:11" ht="15" customHeight="1">
      <c r="A54" s="17" t="s">
        <v>105</v>
      </c>
      <c r="B54" s="17"/>
      <c r="C54" s="13">
        <v>420</v>
      </c>
      <c r="D54" s="19">
        <v>213</v>
      </c>
      <c r="E54" s="19">
        <v>207</v>
      </c>
      <c r="F54" s="19"/>
      <c r="G54" s="18" t="s">
        <v>106</v>
      </c>
      <c r="H54" s="17"/>
      <c r="I54" s="13">
        <v>219</v>
      </c>
      <c r="J54" s="19">
        <v>53</v>
      </c>
      <c r="K54" s="19">
        <v>166</v>
      </c>
    </row>
    <row r="55" spans="1:11" ht="15" customHeight="1">
      <c r="A55" s="17" t="s">
        <v>107</v>
      </c>
      <c r="B55" s="17"/>
      <c r="C55" s="13">
        <v>460</v>
      </c>
      <c r="D55" s="19">
        <v>242</v>
      </c>
      <c r="E55" s="19">
        <v>218</v>
      </c>
      <c r="F55" s="19"/>
      <c r="G55" s="18" t="s">
        <v>108</v>
      </c>
      <c r="H55" s="17"/>
      <c r="I55" s="13">
        <v>200</v>
      </c>
      <c r="J55" s="19">
        <v>53</v>
      </c>
      <c r="K55" s="19">
        <v>147</v>
      </c>
    </row>
    <row r="56" spans="1:11" ht="15" customHeight="1">
      <c r="A56" s="17" t="s">
        <v>109</v>
      </c>
      <c r="B56" s="17"/>
      <c r="C56" s="13">
        <v>479</v>
      </c>
      <c r="D56" s="19">
        <v>242</v>
      </c>
      <c r="E56" s="19">
        <v>237</v>
      </c>
      <c r="F56" s="19"/>
      <c r="G56" s="18" t="s">
        <v>110</v>
      </c>
      <c r="H56" s="17"/>
      <c r="I56" s="13">
        <v>167</v>
      </c>
      <c r="J56" s="19">
        <v>50</v>
      </c>
      <c r="K56" s="19">
        <v>117</v>
      </c>
    </row>
    <row r="57" spans="1:11" ht="15" customHeight="1">
      <c r="A57" s="17" t="s">
        <v>111</v>
      </c>
      <c r="B57" s="17"/>
      <c r="C57" s="13">
        <v>529</v>
      </c>
      <c r="D57" s="19">
        <v>270</v>
      </c>
      <c r="E57" s="19">
        <v>259</v>
      </c>
      <c r="F57" s="19"/>
      <c r="G57" s="18" t="s">
        <v>112</v>
      </c>
      <c r="H57" s="17"/>
      <c r="I57" s="13">
        <v>150</v>
      </c>
      <c r="J57" s="19">
        <v>35</v>
      </c>
      <c r="K57" s="19">
        <v>115</v>
      </c>
    </row>
    <row r="58" spans="1:11" ht="15" customHeight="1">
      <c r="A58" s="17" t="s">
        <v>113</v>
      </c>
      <c r="B58" s="17"/>
      <c r="C58" s="13">
        <v>499</v>
      </c>
      <c r="D58" s="19">
        <v>266</v>
      </c>
      <c r="E58" s="19">
        <v>233</v>
      </c>
      <c r="F58" s="19"/>
      <c r="G58" s="18" t="s">
        <v>114</v>
      </c>
      <c r="H58" s="17"/>
      <c r="I58" s="13">
        <v>103</v>
      </c>
      <c r="J58" s="19">
        <v>30</v>
      </c>
      <c r="K58" s="19">
        <v>73</v>
      </c>
    </row>
    <row r="59" spans="1:11" ht="20.100000000000001" customHeight="1">
      <c r="A59" s="17" t="s">
        <v>115</v>
      </c>
      <c r="B59" s="17"/>
      <c r="C59" s="13">
        <v>3015</v>
      </c>
      <c r="D59" s="14">
        <v>1544</v>
      </c>
      <c r="E59" s="14">
        <v>1471</v>
      </c>
      <c r="F59" s="14"/>
      <c r="G59" s="18" t="s">
        <v>116</v>
      </c>
      <c r="H59" s="17"/>
      <c r="I59" s="13">
        <v>232</v>
      </c>
      <c r="J59" s="14">
        <v>47</v>
      </c>
      <c r="K59" s="14">
        <v>185</v>
      </c>
    </row>
    <row r="60" spans="1:11" ht="15" customHeight="1">
      <c r="A60" s="17" t="s">
        <v>117</v>
      </c>
      <c r="B60" s="17"/>
      <c r="C60" s="13">
        <v>581</v>
      </c>
      <c r="D60" s="19">
        <v>285</v>
      </c>
      <c r="E60" s="19">
        <v>296</v>
      </c>
      <c r="F60" s="19"/>
      <c r="G60" s="18" t="s">
        <v>118</v>
      </c>
      <c r="H60" s="17"/>
      <c r="I60" s="13">
        <v>63</v>
      </c>
      <c r="J60" s="19">
        <v>17</v>
      </c>
      <c r="K60" s="19">
        <v>46</v>
      </c>
    </row>
    <row r="61" spans="1:11" ht="15" customHeight="1">
      <c r="A61" s="17" t="s">
        <v>119</v>
      </c>
      <c r="B61" s="17"/>
      <c r="C61" s="13">
        <v>630</v>
      </c>
      <c r="D61" s="19">
        <v>322</v>
      </c>
      <c r="E61" s="19">
        <v>308</v>
      </c>
      <c r="F61" s="19"/>
      <c r="G61" s="18" t="s">
        <v>120</v>
      </c>
      <c r="H61" s="17"/>
      <c r="I61" s="13">
        <v>64</v>
      </c>
      <c r="J61" s="19">
        <v>18</v>
      </c>
      <c r="K61" s="19">
        <v>46</v>
      </c>
    </row>
    <row r="62" spans="1:11" ht="15" customHeight="1">
      <c r="A62" s="17" t="s">
        <v>121</v>
      </c>
      <c r="B62" s="17"/>
      <c r="C62" s="13">
        <v>607</v>
      </c>
      <c r="D62" s="19">
        <v>296</v>
      </c>
      <c r="E62" s="19">
        <v>311</v>
      </c>
      <c r="F62" s="19"/>
      <c r="G62" s="18" t="s">
        <v>122</v>
      </c>
      <c r="H62" s="17"/>
      <c r="I62" s="13">
        <v>50</v>
      </c>
      <c r="J62" s="19">
        <v>9</v>
      </c>
      <c r="K62" s="19">
        <v>41</v>
      </c>
    </row>
    <row r="63" spans="1:11" ht="15" customHeight="1">
      <c r="A63" s="17" t="s">
        <v>123</v>
      </c>
      <c r="B63" s="17"/>
      <c r="C63" s="13">
        <v>595</v>
      </c>
      <c r="D63" s="19">
        <v>325</v>
      </c>
      <c r="E63" s="19">
        <v>270</v>
      </c>
      <c r="F63" s="19"/>
      <c r="G63" s="18" t="s">
        <v>124</v>
      </c>
      <c r="H63" s="17"/>
      <c r="I63" s="13">
        <v>31</v>
      </c>
      <c r="J63" s="19">
        <v>2</v>
      </c>
      <c r="K63" s="19">
        <v>29</v>
      </c>
    </row>
    <row r="64" spans="1:11" ht="15" customHeight="1">
      <c r="A64" s="17" t="s">
        <v>125</v>
      </c>
      <c r="B64" s="17"/>
      <c r="C64" s="13">
        <v>602</v>
      </c>
      <c r="D64" s="19">
        <v>316</v>
      </c>
      <c r="E64" s="19">
        <v>286</v>
      </c>
      <c r="F64" s="19"/>
      <c r="G64" s="18" t="s">
        <v>126</v>
      </c>
      <c r="H64" s="17"/>
      <c r="I64" s="13">
        <v>24</v>
      </c>
      <c r="J64" s="19">
        <v>1</v>
      </c>
      <c r="K64" s="19">
        <v>2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42</v>
      </c>
      <c r="J65" s="19">
        <v>12</v>
      </c>
      <c r="K65" s="19">
        <v>3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2</v>
      </c>
      <c r="J66" s="29">
        <v>14</v>
      </c>
      <c r="K66" s="29">
        <v>8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3" pageOrder="overThenDown" orientation="portrait" blackAndWhite="1" useFirstPageNumber="1" horizontalDpi="300" verticalDpi="300"/>
  <headerFooter scaleWithDoc="0"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826</v>
      </c>
      <c r="D4" s="14">
        <v>15051</v>
      </c>
      <c r="E4" s="14">
        <v>1677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64</v>
      </c>
      <c r="D5" s="14">
        <v>582</v>
      </c>
      <c r="E5" s="14">
        <v>482</v>
      </c>
      <c r="F5" s="14"/>
      <c r="G5" s="18" t="s">
        <v>8</v>
      </c>
      <c r="H5" s="17"/>
      <c r="I5" s="13">
        <v>2489</v>
      </c>
      <c r="J5" s="14">
        <v>1268</v>
      </c>
      <c r="K5" s="14">
        <v>1221</v>
      </c>
    </row>
    <row r="6" spans="1:11" ht="15" customHeight="1">
      <c r="A6" s="17" t="s">
        <v>9</v>
      </c>
      <c r="B6" s="17"/>
      <c r="C6" s="13">
        <v>156</v>
      </c>
      <c r="D6" s="19">
        <v>79</v>
      </c>
      <c r="E6" s="19">
        <v>77</v>
      </c>
      <c r="F6" s="19"/>
      <c r="G6" s="18" t="s">
        <v>10</v>
      </c>
      <c r="H6" s="17"/>
      <c r="I6" s="13">
        <v>533</v>
      </c>
      <c r="J6" s="19">
        <v>270</v>
      </c>
      <c r="K6" s="19">
        <v>263</v>
      </c>
    </row>
    <row r="7" spans="1:11" ht="15" customHeight="1">
      <c r="A7" s="17" t="s">
        <v>11</v>
      </c>
      <c r="B7" s="17"/>
      <c r="C7" s="13">
        <v>186</v>
      </c>
      <c r="D7" s="19">
        <v>107</v>
      </c>
      <c r="E7" s="19">
        <v>79</v>
      </c>
      <c r="F7" s="19"/>
      <c r="G7" s="18" t="s">
        <v>12</v>
      </c>
      <c r="H7" s="17"/>
      <c r="I7" s="13">
        <v>528</v>
      </c>
      <c r="J7" s="19">
        <v>273</v>
      </c>
      <c r="K7" s="19">
        <v>255</v>
      </c>
    </row>
    <row r="8" spans="1:11" ht="15" customHeight="1">
      <c r="A8" s="17" t="s">
        <v>13</v>
      </c>
      <c r="B8" s="17"/>
      <c r="C8" s="13">
        <v>238</v>
      </c>
      <c r="D8" s="19">
        <v>129</v>
      </c>
      <c r="E8" s="19">
        <v>109</v>
      </c>
      <c r="F8" s="19"/>
      <c r="G8" s="18" t="s">
        <v>14</v>
      </c>
      <c r="H8" s="17"/>
      <c r="I8" s="13">
        <v>419</v>
      </c>
      <c r="J8" s="19">
        <v>206</v>
      </c>
      <c r="K8" s="19">
        <v>213</v>
      </c>
    </row>
    <row r="9" spans="1:11" ht="15" customHeight="1">
      <c r="A9" s="17" t="s">
        <v>15</v>
      </c>
      <c r="B9" s="17"/>
      <c r="C9" s="13">
        <v>245</v>
      </c>
      <c r="D9" s="19">
        <v>133</v>
      </c>
      <c r="E9" s="19">
        <v>112</v>
      </c>
      <c r="F9" s="19"/>
      <c r="G9" s="18" t="s">
        <v>16</v>
      </c>
      <c r="H9" s="17"/>
      <c r="I9" s="13">
        <v>549</v>
      </c>
      <c r="J9" s="19">
        <v>270</v>
      </c>
      <c r="K9" s="19">
        <v>279</v>
      </c>
    </row>
    <row r="10" spans="1:11" ht="15" customHeight="1">
      <c r="A10" s="17" t="s">
        <v>17</v>
      </c>
      <c r="B10" s="17"/>
      <c r="C10" s="13">
        <v>239</v>
      </c>
      <c r="D10" s="19">
        <v>134</v>
      </c>
      <c r="E10" s="19">
        <v>105</v>
      </c>
      <c r="F10" s="19"/>
      <c r="G10" s="18" t="s">
        <v>18</v>
      </c>
      <c r="H10" s="17"/>
      <c r="I10" s="13">
        <v>460</v>
      </c>
      <c r="J10" s="19">
        <v>249</v>
      </c>
      <c r="K10" s="19">
        <v>211</v>
      </c>
    </row>
    <row r="11" spans="1:11" ht="20.100000000000001" customHeight="1">
      <c r="A11" s="17" t="s">
        <v>19</v>
      </c>
      <c r="B11" s="17"/>
      <c r="C11" s="13">
        <v>1454</v>
      </c>
      <c r="D11" s="14">
        <v>749</v>
      </c>
      <c r="E11" s="14">
        <v>705</v>
      </c>
      <c r="F11" s="14"/>
      <c r="G11" s="18" t="s">
        <v>20</v>
      </c>
      <c r="H11" s="17"/>
      <c r="I11" s="13">
        <v>1944</v>
      </c>
      <c r="J11" s="14">
        <v>968</v>
      </c>
      <c r="K11" s="14">
        <v>976</v>
      </c>
    </row>
    <row r="12" spans="1:11" ht="15" customHeight="1">
      <c r="A12" s="17" t="s">
        <v>21</v>
      </c>
      <c r="B12" s="17"/>
      <c r="C12" s="13">
        <v>286</v>
      </c>
      <c r="D12" s="19">
        <v>151</v>
      </c>
      <c r="E12" s="19">
        <v>135</v>
      </c>
      <c r="F12" s="19"/>
      <c r="G12" s="18" t="s">
        <v>22</v>
      </c>
      <c r="H12" s="17"/>
      <c r="I12" s="13">
        <v>409</v>
      </c>
      <c r="J12" s="19">
        <v>206</v>
      </c>
      <c r="K12" s="19">
        <v>203</v>
      </c>
    </row>
    <row r="13" spans="1:11" ht="15" customHeight="1">
      <c r="A13" s="17" t="s">
        <v>23</v>
      </c>
      <c r="B13" s="17"/>
      <c r="C13" s="13">
        <v>259</v>
      </c>
      <c r="D13" s="19">
        <v>135</v>
      </c>
      <c r="E13" s="19">
        <v>124</v>
      </c>
      <c r="F13" s="19"/>
      <c r="G13" s="18" t="s">
        <v>24</v>
      </c>
      <c r="H13" s="17"/>
      <c r="I13" s="13">
        <v>424</v>
      </c>
      <c r="J13" s="19">
        <v>220</v>
      </c>
      <c r="K13" s="19">
        <v>204</v>
      </c>
    </row>
    <row r="14" spans="1:11" ht="15" customHeight="1">
      <c r="A14" s="17" t="s">
        <v>25</v>
      </c>
      <c r="B14" s="17"/>
      <c r="C14" s="13">
        <v>293</v>
      </c>
      <c r="D14" s="19">
        <v>146</v>
      </c>
      <c r="E14" s="19">
        <v>147</v>
      </c>
      <c r="F14" s="19"/>
      <c r="G14" s="18" t="s">
        <v>26</v>
      </c>
      <c r="H14" s="17"/>
      <c r="I14" s="13">
        <v>371</v>
      </c>
      <c r="J14" s="19">
        <v>170</v>
      </c>
      <c r="K14" s="19">
        <v>201</v>
      </c>
    </row>
    <row r="15" spans="1:11" ht="15" customHeight="1">
      <c r="A15" s="17" t="s">
        <v>27</v>
      </c>
      <c r="B15" s="17"/>
      <c r="C15" s="13">
        <v>309</v>
      </c>
      <c r="D15" s="19">
        <v>156</v>
      </c>
      <c r="E15" s="19">
        <v>153</v>
      </c>
      <c r="F15" s="19"/>
      <c r="G15" s="18" t="s">
        <v>28</v>
      </c>
      <c r="H15" s="17"/>
      <c r="I15" s="13">
        <v>358</v>
      </c>
      <c r="J15" s="19">
        <v>179</v>
      </c>
      <c r="K15" s="19">
        <v>179</v>
      </c>
    </row>
    <row r="16" spans="1:11" ht="15" customHeight="1">
      <c r="A16" s="17" t="s">
        <v>29</v>
      </c>
      <c r="B16" s="17"/>
      <c r="C16" s="13">
        <v>307</v>
      </c>
      <c r="D16" s="19">
        <v>161</v>
      </c>
      <c r="E16" s="19">
        <v>146</v>
      </c>
      <c r="F16" s="19"/>
      <c r="G16" s="18" t="s">
        <v>30</v>
      </c>
      <c r="H16" s="17"/>
      <c r="I16" s="13">
        <v>382</v>
      </c>
      <c r="J16" s="19">
        <v>193</v>
      </c>
      <c r="K16" s="19">
        <v>189</v>
      </c>
    </row>
    <row r="17" spans="1:11" ht="20.100000000000001" customHeight="1">
      <c r="A17" s="20" t="s">
        <v>31</v>
      </c>
      <c r="B17" s="20"/>
      <c r="C17" s="13">
        <v>1503</v>
      </c>
      <c r="D17" s="14">
        <v>761</v>
      </c>
      <c r="E17" s="14">
        <v>742</v>
      </c>
      <c r="F17" s="14"/>
      <c r="G17" s="18" t="s">
        <v>32</v>
      </c>
      <c r="H17" s="17"/>
      <c r="I17" s="13">
        <v>1684</v>
      </c>
      <c r="J17" s="14">
        <v>830</v>
      </c>
      <c r="K17" s="14">
        <v>854</v>
      </c>
    </row>
    <row r="18" spans="1:11" ht="15" customHeight="1">
      <c r="A18" s="17" t="s">
        <v>33</v>
      </c>
      <c r="B18" s="17"/>
      <c r="C18" s="13">
        <v>306</v>
      </c>
      <c r="D18" s="19">
        <v>164</v>
      </c>
      <c r="E18" s="19">
        <v>142</v>
      </c>
      <c r="F18" s="19"/>
      <c r="G18" s="18" t="s">
        <v>34</v>
      </c>
      <c r="H18" s="17"/>
      <c r="I18" s="13">
        <v>339</v>
      </c>
      <c r="J18" s="19">
        <v>168</v>
      </c>
      <c r="K18" s="19">
        <v>171</v>
      </c>
    </row>
    <row r="19" spans="1:11" ht="15" customHeight="1">
      <c r="A19" s="17" t="s">
        <v>35</v>
      </c>
      <c r="B19" s="17"/>
      <c r="C19" s="13">
        <v>326</v>
      </c>
      <c r="D19" s="19">
        <v>154</v>
      </c>
      <c r="E19" s="19">
        <v>172</v>
      </c>
      <c r="F19" s="19"/>
      <c r="G19" s="18" t="s">
        <v>36</v>
      </c>
      <c r="H19" s="17"/>
      <c r="I19" s="13">
        <v>311</v>
      </c>
      <c r="J19" s="19">
        <v>163</v>
      </c>
      <c r="K19" s="19">
        <v>148</v>
      </c>
    </row>
    <row r="20" spans="1:11" ht="15" customHeight="1">
      <c r="A20" s="17" t="s">
        <v>37</v>
      </c>
      <c r="B20" s="17"/>
      <c r="C20" s="13">
        <v>274</v>
      </c>
      <c r="D20" s="19">
        <v>147</v>
      </c>
      <c r="E20" s="19">
        <v>127</v>
      </c>
      <c r="F20" s="19"/>
      <c r="G20" s="18" t="s">
        <v>38</v>
      </c>
      <c r="H20" s="17"/>
      <c r="I20" s="13">
        <v>321</v>
      </c>
      <c r="J20" s="19">
        <v>157</v>
      </c>
      <c r="K20" s="19">
        <v>164</v>
      </c>
    </row>
    <row r="21" spans="1:11" ht="15" customHeight="1">
      <c r="A21" s="17" t="s">
        <v>39</v>
      </c>
      <c r="B21" s="17"/>
      <c r="C21" s="13">
        <v>280</v>
      </c>
      <c r="D21" s="19">
        <v>137</v>
      </c>
      <c r="E21" s="19">
        <v>143</v>
      </c>
      <c r="F21" s="19"/>
      <c r="G21" s="18" t="s">
        <v>40</v>
      </c>
      <c r="H21" s="17"/>
      <c r="I21" s="13">
        <v>345</v>
      </c>
      <c r="J21" s="19">
        <v>153</v>
      </c>
      <c r="K21" s="19">
        <v>192</v>
      </c>
    </row>
    <row r="22" spans="1:11" ht="15" customHeight="1">
      <c r="A22" s="17" t="s">
        <v>41</v>
      </c>
      <c r="B22" s="17"/>
      <c r="C22" s="13">
        <v>317</v>
      </c>
      <c r="D22" s="19">
        <v>159</v>
      </c>
      <c r="E22" s="19">
        <v>158</v>
      </c>
      <c r="F22" s="19"/>
      <c r="G22" s="18" t="s">
        <v>42</v>
      </c>
      <c r="H22" s="17"/>
      <c r="I22" s="13">
        <v>368</v>
      </c>
      <c r="J22" s="19">
        <v>189</v>
      </c>
      <c r="K22" s="19">
        <v>179</v>
      </c>
    </row>
    <row r="23" spans="1:11" ht="20.100000000000001" customHeight="1">
      <c r="A23" s="17" t="s">
        <v>43</v>
      </c>
      <c r="B23" s="17"/>
      <c r="C23" s="13">
        <v>1539</v>
      </c>
      <c r="D23" s="14">
        <v>783</v>
      </c>
      <c r="E23" s="14">
        <v>756</v>
      </c>
      <c r="F23" s="14"/>
      <c r="G23" s="18" t="s">
        <v>44</v>
      </c>
      <c r="H23" s="17"/>
      <c r="I23" s="13">
        <v>2112</v>
      </c>
      <c r="J23" s="14">
        <v>961</v>
      </c>
      <c r="K23" s="14">
        <v>1151</v>
      </c>
    </row>
    <row r="24" spans="1:11" ht="15" customHeight="1">
      <c r="A24" s="17" t="s">
        <v>45</v>
      </c>
      <c r="B24" s="17"/>
      <c r="C24" s="13">
        <v>331</v>
      </c>
      <c r="D24" s="19">
        <v>168</v>
      </c>
      <c r="E24" s="19">
        <v>163</v>
      </c>
      <c r="F24" s="19"/>
      <c r="G24" s="18" t="s">
        <v>46</v>
      </c>
      <c r="H24" s="17"/>
      <c r="I24" s="13">
        <v>362</v>
      </c>
      <c r="J24" s="19">
        <v>167</v>
      </c>
      <c r="K24" s="19">
        <v>195</v>
      </c>
    </row>
    <row r="25" spans="1:11" ht="15" customHeight="1">
      <c r="A25" s="17" t="s">
        <v>47</v>
      </c>
      <c r="B25" s="17"/>
      <c r="C25" s="13">
        <v>321</v>
      </c>
      <c r="D25" s="19">
        <v>170</v>
      </c>
      <c r="E25" s="19">
        <v>151</v>
      </c>
      <c r="F25" s="19"/>
      <c r="G25" s="18" t="s">
        <v>48</v>
      </c>
      <c r="H25" s="17"/>
      <c r="I25" s="13">
        <v>392</v>
      </c>
      <c r="J25" s="19">
        <v>177</v>
      </c>
      <c r="K25" s="19">
        <v>215</v>
      </c>
    </row>
    <row r="26" spans="1:11" ht="15" customHeight="1">
      <c r="A26" s="17" t="s">
        <v>49</v>
      </c>
      <c r="B26" s="17"/>
      <c r="C26" s="13">
        <v>315</v>
      </c>
      <c r="D26" s="19">
        <v>164</v>
      </c>
      <c r="E26" s="19">
        <v>151</v>
      </c>
      <c r="F26" s="19"/>
      <c r="G26" s="18" t="s">
        <v>50</v>
      </c>
      <c r="H26" s="17"/>
      <c r="I26" s="13">
        <v>391</v>
      </c>
      <c r="J26" s="19">
        <v>188</v>
      </c>
      <c r="K26" s="19">
        <v>203</v>
      </c>
    </row>
    <row r="27" spans="1:11" ht="15" customHeight="1">
      <c r="A27" s="17" t="s">
        <v>51</v>
      </c>
      <c r="B27" s="17"/>
      <c r="C27" s="13">
        <v>291</v>
      </c>
      <c r="D27" s="19">
        <v>143</v>
      </c>
      <c r="E27" s="19">
        <v>148</v>
      </c>
      <c r="F27" s="19"/>
      <c r="G27" s="18" t="s">
        <v>52</v>
      </c>
      <c r="H27" s="17"/>
      <c r="I27" s="13">
        <v>439</v>
      </c>
      <c r="J27" s="19">
        <v>184</v>
      </c>
      <c r="K27" s="19">
        <v>255</v>
      </c>
    </row>
    <row r="28" spans="1:11" ht="15" customHeight="1">
      <c r="A28" s="17" t="s">
        <v>53</v>
      </c>
      <c r="B28" s="17"/>
      <c r="C28" s="13">
        <v>281</v>
      </c>
      <c r="D28" s="19">
        <v>138</v>
      </c>
      <c r="E28" s="19">
        <v>143</v>
      </c>
      <c r="F28" s="19"/>
      <c r="G28" s="18" t="s">
        <v>54</v>
      </c>
      <c r="H28" s="17"/>
      <c r="I28" s="13">
        <v>528</v>
      </c>
      <c r="J28" s="19">
        <v>245</v>
      </c>
      <c r="K28" s="19">
        <v>283</v>
      </c>
    </row>
    <row r="29" spans="1:11" ht="20.100000000000001" customHeight="1">
      <c r="A29" s="17" t="s">
        <v>55</v>
      </c>
      <c r="B29" s="17"/>
      <c r="C29" s="13">
        <v>1147</v>
      </c>
      <c r="D29" s="14">
        <v>571</v>
      </c>
      <c r="E29" s="14">
        <v>576</v>
      </c>
      <c r="F29" s="14"/>
      <c r="G29" s="18" t="s">
        <v>56</v>
      </c>
      <c r="H29" s="17"/>
      <c r="I29" s="13">
        <v>2457</v>
      </c>
      <c r="J29" s="14">
        <v>1075</v>
      </c>
      <c r="K29" s="14">
        <v>1382</v>
      </c>
    </row>
    <row r="30" spans="1:11" ht="15" customHeight="1">
      <c r="A30" s="17" t="s">
        <v>57</v>
      </c>
      <c r="B30" s="17"/>
      <c r="C30" s="13">
        <v>314</v>
      </c>
      <c r="D30" s="19">
        <v>152</v>
      </c>
      <c r="E30" s="19">
        <v>162</v>
      </c>
      <c r="F30" s="19"/>
      <c r="G30" s="18" t="s">
        <v>58</v>
      </c>
      <c r="H30" s="17"/>
      <c r="I30" s="13">
        <v>587</v>
      </c>
      <c r="J30" s="19">
        <v>267</v>
      </c>
      <c r="K30" s="19">
        <v>320</v>
      </c>
    </row>
    <row r="31" spans="1:11" ht="15" customHeight="1">
      <c r="A31" s="17" t="s">
        <v>59</v>
      </c>
      <c r="B31" s="17"/>
      <c r="C31" s="13">
        <v>233</v>
      </c>
      <c r="D31" s="19">
        <v>113</v>
      </c>
      <c r="E31" s="19">
        <v>120</v>
      </c>
      <c r="F31" s="19"/>
      <c r="G31" s="18" t="s">
        <v>60</v>
      </c>
      <c r="H31" s="17"/>
      <c r="I31" s="13">
        <v>613</v>
      </c>
      <c r="J31" s="19">
        <v>264</v>
      </c>
      <c r="K31" s="19">
        <v>349</v>
      </c>
    </row>
    <row r="32" spans="1:11" ht="15" customHeight="1">
      <c r="A32" s="17" t="s">
        <v>61</v>
      </c>
      <c r="B32" s="17"/>
      <c r="C32" s="13">
        <v>255</v>
      </c>
      <c r="D32" s="19">
        <v>138</v>
      </c>
      <c r="E32" s="19">
        <v>117</v>
      </c>
      <c r="F32" s="19"/>
      <c r="G32" s="18" t="s">
        <v>62</v>
      </c>
      <c r="H32" s="17"/>
      <c r="I32" s="13">
        <v>441</v>
      </c>
      <c r="J32" s="19">
        <v>174</v>
      </c>
      <c r="K32" s="19">
        <v>267</v>
      </c>
    </row>
    <row r="33" spans="1:11" ht="15" customHeight="1">
      <c r="A33" s="17" t="s">
        <v>63</v>
      </c>
      <c r="B33" s="17"/>
      <c r="C33" s="13">
        <v>181</v>
      </c>
      <c r="D33" s="19">
        <v>90</v>
      </c>
      <c r="E33" s="19">
        <v>91</v>
      </c>
      <c r="F33" s="19"/>
      <c r="G33" s="18" t="s">
        <v>64</v>
      </c>
      <c r="H33" s="17"/>
      <c r="I33" s="13">
        <v>362</v>
      </c>
      <c r="J33" s="19">
        <v>166</v>
      </c>
      <c r="K33" s="19">
        <v>196</v>
      </c>
    </row>
    <row r="34" spans="1:11" ht="15" customHeight="1">
      <c r="A34" s="17" t="s">
        <v>65</v>
      </c>
      <c r="B34" s="17"/>
      <c r="C34" s="13">
        <v>164</v>
      </c>
      <c r="D34" s="19">
        <v>78</v>
      </c>
      <c r="E34" s="19">
        <v>86</v>
      </c>
      <c r="F34" s="19"/>
      <c r="G34" s="18" t="s">
        <v>66</v>
      </c>
      <c r="H34" s="17"/>
      <c r="I34" s="13">
        <v>454</v>
      </c>
      <c r="J34" s="19">
        <v>204</v>
      </c>
      <c r="K34" s="19">
        <v>250</v>
      </c>
    </row>
    <row r="35" spans="1:11" ht="20.100000000000001" customHeight="1">
      <c r="A35" s="17" t="s">
        <v>67</v>
      </c>
      <c r="B35" s="17"/>
      <c r="C35" s="13">
        <v>678</v>
      </c>
      <c r="D35" s="14">
        <v>327</v>
      </c>
      <c r="E35" s="14">
        <v>351</v>
      </c>
      <c r="F35" s="14"/>
      <c r="G35" s="18" t="s">
        <v>68</v>
      </c>
      <c r="H35" s="17"/>
      <c r="I35" s="13">
        <v>2190</v>
      </c>
      <c r="J35" s="14">
        <v>992</v>
      </c>
      <c r="K35" s="14">
        <v>1198</v>
      </c>
    </row>
    <row r="36" spans="1:11" ht="15" customHeight="1">
      <c r="A36" s="17" t="s">
        <v>69</v>
      </c>
      <c r="B36" s="17"/>
      <c r="C36" s="13">
        <v>152</v>
      </c>
      <c r="D36" s="19">
        <v>64</v>
      </c>
      <c r="E36" s="19">
        <v>88</v>
      </c>
      <c r="F36" s="19"/>
      <c r="G36" s="18" t="s">
        <v>70</v>
      </c>
      <c r="H36" s="17"/>
      <c r="I36" s="13">
        <v>513</v>
      </c>
      <c r="J36" s="19">
        <v>240</v>
      </c>
      <c r="K36" s="19">
        <v>273</v>
      </c>
    </row>
    <row r="37" spans="1:11" ht="15" customHeight="1">
      <c r="A37" s="17" t="s">
        <v>71</v>
      </c>
      <c r="B37" s="17"/>
      <c r="C37" s="13">
        <v>137</v>
      </c>
      <c r="D37" s="19">
        <v>70</v>
      </c>
      <c r="E37" s="19">
        <v>67</v>
      </c>
      <c r="F37" s="19"/>
      <c r="G37" s="18" t="s">
        <v>72</v>
      </c>
      <c r="H37" s="17"/>
      <c r="I37" s="13">
        <v>456</v>
      </c>
      <c r="J37" s="19">
        <v>215</v>
      </c>
      <c r="K37" s="19">
        <v>241</v>
      </c>
    </row>
    <row r="38" spans="1:11" ht="15" customHeight="1">
      <c r="A38" s="17" t="s">
        <v>73</v>
      </c>
      <c r="B38" s="17"/>
      <c r="C38" s="13">
        <v>118</v>
      </c>
      <c r="D38" s="19">
        <v>59</v>
      </c>
      <c r="E38" s="19">
        <v>59</v>
      </c>
      <c r="F38" s="19"/>
      <c r="G38" s="18" t="s">
        <v>74</v>
      </c>
      <c r="H38" s="17"/>
      <c r="I38" s="13">
        <v>489</v>
      </c>
      <c r="J38" s="19">
        <v>214</v>
      </c>
      <c r="K38" s="19">
        <v>275</v>
      </c>
    </row>
    <row r="39" spans="1:11" ht="15" customHeight="1">
      <c r="A39" s="17" t="s">
        <v>75</v>
      </c>
      <c r="B39" s="17"/>
      <c r="C39" s="13">
        <v>139</v>
      </c>
      <c r="D39" s="19">
        <v>67</v>
      </c>
      <c r="E39" s="19">
        <v>72</v>
      </c>
      <c r="F39" s="19"/>
      <c r="G39" s="18" t="s">
        <v>76</v>
      </c>
      <c r="H39" s="17"/>
      <c r="I39" s="13">
        <v>409</v>
      </c>
      <c r="J39" s="19">
        <v>175</v>
      </c>
      <c r="K39" s="19">
        <v>234</v>
      </c>
    </row>
    <row r="40" spans="1:11" ht="15" customHeight="1">
      <c r="A40" s="17" t="s">
        <v>77</v>
      </c>
      <c r="B40" s="17"/>
      <c r="C40" s="13">
        <v>132</v>
      </c>
      <c r="D40" s="19">
        <v>67</v>
      </c>
      <c r="E40" s="19">
        <v>65</v>
      </c>
      <c r="F40" s="19"/>
      <c r="G40" s="18" t="s">
        <v>78</v>
      </c>
      <c r="H40" s="17"/>
      <c r="I40" s="13">
        <v>323</v>
      </c>
      <c r="J40" s="19">
        <v>148</v>
      </c>
      <c r="K40" s="19">
        <v>175</v>
      </c>
    </row>
    <row r="41" spans="1:11" ht="20.100000000000001" customHeight="1">
      <c r="A41" s="17" t="s">
        <v>79</v>
      </c>
      <c r="B41" s="17"/>
      <c r="C41" s="13">
        <v>906</v>
      </c>
      <c r="D41" s="14">
        <v>411</v>
      </c>
      <c r="E41" s="14">
        <v>495</v>
      </c>
      <c r="F41" s="14"/>
      <c r="G41" s="18" t="s">
        <v>80</v>
      </c>
      <c r="H41" s="17"/>
      <c r="I41" s="13">
        <v>1602</v>
      </c>
      <c r="J41" s="14">
        <v>719</v>
      </c>
      <c r="K41" s="14">
        <v>883</v>
      </c>
    </row>
    <row r="42" spans="1:11" ht="15" customHeight="1">
      <c r="A42" s="17" t="s">
        <v>81</v>
      </c>
      <c r="B42" s="17"/>
      <c r="C42" s="13">
        <v>147</v>
      </c>
      <c r="D42" s="19">
        <v>65</v>
      </c>
      <c r="E42" s="19">
        <v>82</v>
      </c>
      <c r="F42" s="19"/>
      <c r="G42" s="18" t="s">
        <v>82</v>
      </c>
      <c r="H42" s="17"/>
      <c r="I42" s="13">
        <v>354</v>
      </c>
      <c r="J42" s="19">
        <v>152</v>
      </c>
      <c r="K42" s="19">
        <v>202</v>
      </c>
    </row>
    <row r="43" spans="1:11" ht="15" customHeight="1">
      <c r="A43" s="17" t="s">
        <v>83</v>
      </c>
      <c r="B43" s="17"/>
      <c r="C43" s="13">
        <v>141</v>
      </c>
      <c r="D43" s="19">
        <v>63</v>
      </c>
      <c r="E43" s="19">
        <v>78</v>
      </c>
      <c r="F43" s="19"/>
      <c r="G43" s="18" t="s">
        <v>84</v>
      </c>
      <c r="H43" s="17"/>
      <c r="I43" s="13">
        <v>324</v>
      </c>
      <c r="J43" s="19">
        <v>155</v>
      </c>
      <c r="K43" s="19">
        <v>169</v>
      </c>
    </row>
    <row r="44" spans="1:11" ht="15" customHeight="1">
      <c r="A44" s="17" t="s">
        <v>85</v>
      </c>
      <c r="B44" s="17"/>
      <c r="C44" s="13">
        <v>203</v>
      </c>
      <c r="D44" s="19">
        <v>100</v>
      </c>
      <c r="E44" s="19">
        <v>103</v>
      </c>
      <c r="F44" s="19"/>
      <c r="G44" s="18" t="s">
        <v>86</v>
      </c>
      <c r="H44" s="17"/>
      <c r="I44" s="13">
        <v>344</v>
      </c>
      <c r="J44" s="19">
        <v>141</v>
      </c>
      <c r="K44" s="19">
        <v>203</v>
      </c>
    </row>
    <row r="45" spans="1:11" ht="15" customHeight="1">
      <c r="A45" s="17" t="s">
        <v>87</v>
      </c>
      <c r="B45" s="17"/>
      <c r="C45" s="13">
        <v>198</v>
      </c>
      <c r="D45" s="19">
        <v>81</v>
      </c>
      <c r="E45" s="19">
        <v>117</v>
      </c>
      <c r="F45" s="19"/>
      <c r="G45" s="18" t="s">
        <v>88</v>
      </c>
      <c r="H45" s="17"/>
      <c r="I45" s="13">
        <v>298</v>
      </c>
      <c r="J45" s="19">
        <v>142</v>
      </c>
      <c r="K45" s="19">
        <v>156</v>
      </c>
    </row>
    <row r="46" spans="1:11" ht="15" customHeight="1">
      <c r="A46" s="17" t="s">
        <v>89</v>
      </c>
      <c r="B46" s="17"/>
      <c r="C46" s="13">
        <v>217</v>
      </c>
      <c r="D46" s="19">
        <v>102</v>
      </c>
      <c r="E46" s="19">
        <v>115</v>
      </c>
      <c r="F46" s="19"/>
      <c r="G46" s="18" t="s">
        <v>90</v>
      </c>
      <c r="H46" s="17"/>
      <c r="I46" s="13">
        <v>282</v>
      </c>
      <c r="J46" s="19">
        <v>129</v>
      </c>
      <c r="K46" s="19">
        <v>153</v>
      </c>
    </row>
    <row r="47" spans="1:11" ht="20.100000000000001" customHeight="1">
      <c r="A47" s="17" t="s">
        <v>91</v>
      </c>
      <c r="B47" s="17"/>
      <c r="C47" s="13">
        <v>1572</v>
      </c>
      <c r="D47" s="14">
        <v>739</v>
      </c>
      <c r="E47" s="14">
        <v>833</v>
      </c>
      <c r="F47" s="14"/>
      <c r="G47" s="18" t="s">
        <v>92</v>
      </c>
      <c r="H47" s="17"/>
      <c r="I47" s="13">
        <v>938</v>
      </c>
      <c r="J47" s="14">
        <v>379</v>
      </c>
      <c r="K47" s="14">
        <v>559</v>
      </c>
    </row>
    <row r="48" spans="1:11" ht="15" customHeight="1">
      <c r="A48" s="17" t="s">
        <v>93</v>
      </c>
      <c r="B48" s="17"/>
      <c r="C48" s="13">
        <v>256</v>
      </c>
      <c r="D48" s="19">
        <v>113</v>
      </c>
      <c r="E48" s="19">
        <v>143</v>
      </c>
      <c r="F48" s="19"/>
      <c r="G48" s="18" t="s">
        <v>94</v>
      </c>
      <c r="H48" s="17"/>
      <c r="I48" s="13">
        <v>221</v>
      </c>
      <c r="J48" s="19">
        <v>90</v>
      </c>
      <c r="K48" s="19">
        <v>131</v>
      </c>
    </row>
    <row r="49" spans="1:11" ht="15" customHeight="1">
      <c r="A49" s="17" t="s">
        <v>95</v>
      </c>
      <c r="B49" s="17"/>
      <c r="C49" s="13">
        <v>300</v>
      </c>
      <c r="D49" s="19">
        <v>138</v>
      </c>
      <c r="E49" s="19">
        <v>162</v>
      </c>
      <c r="F49" s="19"/>
      <c r="G49" s="18" t="s">
        <v>96</v>
      </c>
      <c r="H49" s="17"/>
      <c r="I49" s="13">
        <v>201</v>
      </c>
      <c r="J49" s="19">
        <v>85</v>
      </c>
      <c r="K49" s="19">
        <v>116</v>
      </c>
    </row>
    <row r="50" spans="1:11" ht="15" customHeight="1">
      <c r="A50" s="17" t="s">
        <v>97</v>
      </c>
      <c r="B50" s="17"/>
      <c r="C50" s="13">
        <v>293</v>
      </c>
      <c r="D50" s="19">
        <v>139</v>
      </c>
      <c r="E50" s="19">
        <v>154</v>
      </c>
      <c r="F50" s="19"/>
      <c r="G50" s="18" t="s">
        <v>98</v>
      </c>
      <c r="H50" s="17"/>
      <c r="I50" s="13">
        <v>200</v>
      </c>
      <c r="J50" s="19">
        <v>74</v>
      </c>
      <c r="K50" s="19">
        <v>126</v>
      </c>
    </row>
    <row r="51" spans="1:11" ht="15" customHeight="1">
      <c r="A51" s="17" t="s">
        <v>99</v>
      </c>
      <c r="B51" s="17"/>
      <c r="C51" s="13">
        <v>332</v>
      </c>
      <c r="D51" s="19">
        <v>155</v>
      </c>
      <c r="E51" s="19">
        <v>177</v>
      </c>
      <c r="F51" s="19"/>
      <c r="G51" s="18" t="s">
        <v>100</v>
      </c>
      <c r="H51" s="17"/>
      <c r="I51" s="13">
        <v>175</v>
      </c>
      <c r="J51" s="19">
        <v>78</v>
      </c>
      <c r="K51" s="19">
        <v>97</v>
      </c>
    </row>
    <row r="52" spans="1:11" ht="15" customHeight="1">
      <c r="A52" s="17" t="s">
        <v>101</v>
      </c>
      <c r="B52" s="17"/>
      <c r="C52" s="13">
        <v>391</v>
      </c>
      <c r="D52" s="19">
        <v>194</v>
      </c>
      <c r="E52" s="19">
        <v>197</v>
      </c>
      <c r="F52" s="19"/>
      <c r="G52" s="18" t="s">
        <v>102</v>
      </c>
      <c r="H52" s="17"/>
      <c r="I52" s="13">
        <v>141</v>
      </c>
      <c r="J52" s="19">
        <v>52</v>
      </c>
      <c r="K52" s="19">
        <v>89</v>
      </c>
    </row>
    <row r="53" spans="1:11" ht="20.100000000000001" customHeight="1">
      <c r="A53" s="17" t="s">
        <v>103</v>
      </c>
      <c r="B53" s="17"/>
      <c r="C53" s="13">
        <v>2292</v>
      </c>
      <c r="D53" s="14">
        <v>1062</v>
      </c>
      <c r="E53" s="14">
        <v>1230</v>
      </c>
      <c r="F53" s="14"/>
      <c r="G53" s="18" t="s">
        <v>104</v>
      </c>
      <c r="H53" s="17"/>
      <c r="I53" s="13">
        <v>550</v>
      </c>
      <c r="J53" s="14">
        <v>149</v>
      </c>
      <c r="K53" s="14">
        <v>401</v>
      </c>
    </row>
    <row r="54" spans="1:11" ht="15" customHeight="1">
      <c r="A54" s="17" t="s">
        <v>105</v>
      </c>
      <c r="B54" s="17"/>
      <c r="C54" s="13">
        <v>380</v>
      </c>
      <c r="D54" s="19">
        <v>162</v>
      </c>
      <c r="E54" s="19">
        <v>218</v>
      </c>
      <c r="F54" s="19"/>
      <c r="G54" s="18" t="s">
        <v>106</v>
      </c>
      <c r="H54" s="17"/>
      <c r="I54" s="13">
        <v>131</v>
      </c>
      <c r="J54" s="19">
        <v>42</v>
      </c>
      <c r="K54" s="19">
        <v>89</v>
      </c>
    </row>
    <row r="55" spans="1:11" ht="15" customHeight="1">
      <c r="A55" s="17" t="s">
        <v>107</v>
      </c>
      <c r="B55" s="17"/>
      <c r="C55" s="13">
        <v>401</v>
      </c>
      <c r="D55" s="19">
        <v>181</v>
      </c>
      <c r="E55" s="19">
        <v>220</v>
      </c>
      <c r="F55" s="19"/>
      <c r="G55" s="18" t="s">
        <v>108</v>
      </c>
      <c r="H55" s="17"/>
      <c r="I55" s="13">
        <v>133</v>
      </c>
      <c r="J55" s="19">
        <v>38</v>
      </c>
      <c r="K55" s="19">
        <v>95</v>
      </c>
    </row>
    <row r="56" spans="1:11" ht="15" customHeight="1">
      <c r="A56" s="17" t="s">
        <v>109</v>
      </c>
      <c r="B56" s="17"/>
      <c r="C56" s="13">
        <v>470</v>
      </c>
      <c r="D56" s="19">
        <v>220</v>
      </c>
      <c r="E56" s="19">
        <v>250</v>
      </c>
      <c r="F56" s="19"/>
      <c r="G56" s="18" t="s">
        <v>110</v>
      </c>
      <c r="H56" s="17"/>
      <c r="I56" s="13">
        <v>113</v>
      </c>
      <c r="J56" s="19">
        <v>37</v>
      </c>
      <c r="K56" s="19">
        <v>76</v>
      </c>
    </row>
    <row r="57" spans="1:11" ht="15" customHeight="1">
      <c r="A57" s="17" t="s">
        <v>111</v>
      </c>
      <c r="B57" s="17"/>
      <c r="C57" s="13">
        <v>512</v>
      </c>
      <c r="D57" s="19">
        <v>252</v>
      </c>
      <c r="E57" s="19">
        <v>260</v>
      </c>
      <c r="F57" s="19"/>
      <c r="G57" s="18" t="s">
        <v>112</v>
      </c>
      <c r="H57" s="17"/>
      <c r="I57" s="13">
        <v>108</v>
      </c>
      <c r="J57" s="19">
        <v>18</v>
      </c>
      <c r="K57" s="19">
        <v>90</v>
      </c>
    </row>
    <row r="58" spans="1:11" ht="15" customHeight="1">
      <c r="A58" s="17" t="s">
        <v>113</v>
      </c>
      <c r="B58" s="17"/>
      <c r="C58" s="13">
        <v>529</v>
      </c>
      <c r="D58" s="19">
        <v>247</v>
      </c>
      <c r="E58" s="19">
        <v>282</v>
      </c>
      <c r="F58" s="19"/>
      <c r="G58" s="18" t="s">
        <v>114</v>
      </c>
      <c r="H58" s="17"/>
      <c r="I58" s="13">
        <v>65</v>
      </c>
      <c r="J58" s="19">
        <v>14</v>
      </c>
      <c r="K58" s="19">
        <v>51</v>
      </c>
    </row>
    <row r="59" spans="1:11" ht="20.100000000000001" customHeight="1">
      <c r="A59" s="17" t="s">
        <v>115</v>
      </c>
      <c r="B59" s="17"/>
      <c r="C59" s="13">
        <v>2858</v>
      </c>
      <c r="D59" s="14">
        <v>1325</v>
      </c>
      <c r="E59" s="14">
        <v>1533</v>
      </c>
      <c r="F59" s="14"/>
      <c r="G59" s="18" t="s">
        <v>116</v>
      </c>
      <c r="H59" s="17"/>
      <c r="I59" s="13">
        <v>140</v>
      </c>
      <c r="J59" s="14">
        <v>27</v>
      </c>
      <c r="K59" s="14">
        <v>113</v>
      </c>
    </row>
    <row r="60" spans="1:11" ht="15" customHeight="1">
      <c r="A60" s="17" t="s">
        <v>117</v>
      </c>
      <c r="B60" s="17"/>
      <c r="C60" s="13">
        <v>599</v>
      </c>
      <c r="D60" s="19">
        <v>275</v>
      </c>
      <c r="E60" s="19">
        <v>324</v>
      </c>
      <c r="F60" s="19"/>
      <c r="G60" s="18" t="s">
        <v>118</v>
      </c>
      <c r="H60" s="17"/>
      <c r="I60" s="13">
        <v>51</v>
      </c>
      <c r="J60" s="19">
        <v>10</v>
      </c>
      <c r="K60" s="19">
        <v>41</v>
      </c>
    </row>
    <row r="61" spans="1:11" ht="15" customHeight="1">
      <c r="A61" s="17" t="s">
        <v>119</v>
      </c>
      <c r="B61" s="17"/>
      <c r="C61" s="13">
        <v>571</v>
      </c>
      <c r="D61" s="19">
        <v>262</v>
      </c>
      <c r="E61" s="19">
        <v>309</v>
      </c>
      <c r="F61" s="19"/>
      <c r="G61" s="18" t="s">
        <v>120</v>
      </c>
      <c r="H61" s="17"/>
      <c r="I61" s="13">
        <v>36</v>
      </c>
      <c r="J61" s="19">
        <v>6</v>
      </c>
      <c r="K61" s="19">
        <v>30</v>
      </c>
    </row>
    <row r="62" spans="1:11" ht="15" customHeight="1">
      <c r="A62" s="17" t="s">
        <v>121</v>
      </c>
      <c r="B62" s="17"/>
      <c r="C62" s="13">
        <v>564</v>
      </c>
      <c r="D62" s="19">
        <v>264</v>
      </c>
      <c r="E62" s="19">
        <v>300</v>
      </c>
      <c r="F62" s="19"/>
      <c r="G62" s="18" t="s">
        <v>122</v>
      </c>
      <c r="H62" s="17"/>
      <c r="I62" s="13">
        <v>25</v>
      </c>
      <c r="J62" s="19">
        <v>9</v>
      </c>
      <c r="K62" s="19">
        <v>16</v>
      </c>
    </row>
    <row r="63" spans="1:11" ht="15" customHeight="1">
      <c r="A63" s="17" t="s">
        <v>123</v>
      </c>
      <c r="B63" s="17"/>
      <c r="C63" s="13">
        <v>559</v>
      </c>
      <c r="D63" s="19">
        <v>259</v>
      </c>
      <c r="E63" s="19">
        <v>300</v>
      </c>
      <c r="F63" s="19"/>
      <c r="G63" s="18" t="s">
        <v>124</v>
      </c>
      <c r="H63" s="17"/>
      <c r="I63" s="13">
        <v>15</v>
      </c>
      <c r="J63" s="19">
        <v>0</v>
      </c>
      <c r="K63" s="19">
        <v>15</v>
      </c>
    </row>
    <row r="64" spans="1:11" ht="15" customHeight="1">
      <c r="A64" s="17" t="s">
        <v>125</v>
      </c>
      <c r="B64" s="17"/>
      <c r="C64" s="13">
        <v>565</v>
      </c>
      <c r="D64" s="19">
        <v>265</v>
      </c>
      <c r="E64" s="19">
        <v>300</v>
      </c>
      <c r="F64" s="19"/>
      <c r="G64" s="18" t="s">
        <v>126</v>
      </c>
      <c r="H64" s="17"/>
      <c r="I64" s="13">
        <v>13</v>
      </c>
      <c r="J64" s="19">
        <v>2</v>
      </c>
      <c r="K64" s="19">
        <v>1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1</v>
      </c>
      <c r="J65" s="19">
        <v>2</v>
      </c>
      <c r="K65" s="19">
        <v>2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76</v>
      </c>
      <c r="J66" s="29">
        <v>371</v>
      </c>
      <c r="K66" s="29">
        <v>30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4" pageOrder="overThenDown" orientation="portrait" blackAndWhite="1" useFirstPageNumber="1" horizontalDpi="300" verticalDpi="300"/>
  <headerFooter scaleWithDoc="0"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0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73768</v>
      </c>
      <c r="D4" s="14">
        <v>792849</v>
      </c>
      <c r="E4" s="14">
        <v>78091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9091</v>
      </c>
      <c r="D5" s="14">
        <v>30190</v>
      </c>
      <c r="E5" s="14">
        <v>28901</v>
      </c>
      <c r="F5" s="14"/>
      <c r="G5" s="18" t="s">
        <v>8</v>
      </c>
      <c r="H5" s="17"/>
      <c r="I5" s="13">
        <v>114195</v>
      </c>
      <c r="J5" s="14">
        <v>60082</v>
      </c>
      <c r="K5" s="14">
        <v>54113</v>
      </c>
    </row>
    <row r="6" spans="1:11" ht="15" customHeight="1">
      <c r="A6" s="17" t="s">
        <v>9</v>
      </c>
      <c r="B6" s="17"/>
      <c r="C6" s="13">
        <v>11357</v>
      </c>
      <c r="D6" s="19">
        <v>5884</v>
      </c>
      <c r="E6" s="19">
        <v>5473</v>
      </c>
      <c r="F6" s="19"/>
      <c r="G6" s="18" t="s">
        <v>10</v>
      </c>
      <c r="H6" s="17"/>
      <c r="I6" s="13">
        <v>24848</v>
      </c>
      <c r="J6" s="19">
        <v>13191</v>
      </c>
      <c r="K6" s="19">
        <v>11657</v>
      </c>
    </row>
    <row r="7" spans="1:11" ht="15" customHeight="1">
      <c r="A7" s="17" t="s">
        <v>11</v>
      </c>
      <c r="B7" s="17"/>
      <c r="C7" s="13">
        <v>11662</v>
      </c>
      <c r="D7" s="19">
        <v>5957</v>
      </c>
      <c r="E7" s="19">
        <v>5705</v>
      </c>
      <c r="F7" s="19"/>
      <c r="G7" s="18" t="s">
        <v>12</v>
      </c>
      <c r="H7" s="17"/>
      <c r="I7" s="13">
        <v>25884</v>
      </c>
      <c r="J7" s="19">
        <v>13552</v>
      </c>
      <c r="K7" s="19">
        <v>12332</v>
      </c>
    </row>
    <row r="8" spans="1:11" ht="15" customHeight="1">
      <c r="A8" s="17" t="s">
        <v>13</v>
      </c>
      <c r="B8" s="17"/>
      <c r="C8" s="13">
        <v>12028</v>
      </c>
      <c r="D8" s="19">
        <v>6123</v>
      </c>
      <c r="E8" s="19">
        <v>5905</v>
      </c>
      <c r="F8" s="19"/>
      <c r="G8" s="18" t="s">
        <v>14</v>
      </c>
      <c r="H8" s="17"/>
      <c r="I8" s="13">
        <v>18641</v>
      </c>
      <c r="J8" s="19">
        <v>9764</v>
      </c>
      <c r="K8" s="19">
        <v>8877</v>
      </c>
    </row>
    <row r="9" spans="1:11" ht="15" customHeight="1">
      <c r="A9" s="17" t="s">
        <v>15</v>
      </c>
      <c r="B9" s="17"/>
      <c r="C9" s="13">
        <v>11867</v>
      </c>
      <c r="D9" s="19">
        <v>6128</v>
      </c>
      <c r="E9" s="19">
        <v>5739</v>
      </c>
      <c r="F9" s="19"/>
      <c r="G9" s="18" t="s">
        <v>16</v>
      </c>
      <c r="H9" s="17"/>
      <c r="I9" s="13">
        <v>23645</v>
      </c>
      <c r="J9" s="19">
        <v>12428</v>
      </c>
      <c r="K9" s="19">
        <v>11217</v>
      </c>
    </row>
    <row r="10" spans="1:11" ht="15" customHeight="1">
      <c r="A10" s="17" t="s">
        <v>17</v>
      </c>
      <c r="B10" s="17"/>
      <c r="C10" s="13">
        <v>12177</v>
      </c>
      <c r="D10" s="19">
        <v>6098</v>
      </c>
      <c r="E10" s="19">
        <v>6079</v>
      </c>
      <c r="F10" s="19"/>
      <c r="G10" s="18" t="s">
        <v>18</v>
      </c>
      <c r="H10" s="17"/>
      <c r="I10" s="13">
        <v>21177</v>
      </c>
      <c r="J10" s="19">
        <v>11147</v>
      </c>
      <c r="K10" s="19">
        <v>10030</v>
      </c>
    </row>
    <row r="11" spans="1:11" ht="20.100000000000001" customHeight="1">
      <c r="A11" s="17" t="s">
        <v>19</v>
      </c>
      <c r="B11" s="17"/>
      <c r="C11" s="13">
        <v>64157</v>
      </c>
      <c r="D11" s="14">
        <v>32819</v>
      </c>
      <c r="E11" s="14">
        <v>31338</v>
      </c>
      <c r="F11" s="14"/>
      <c r="G11" s="18" t="s">
        <v>20</v>
      </c>
      <c r="H11" s="17"/>
      <c r="I11" s="13">
        <v>91442</v>
      </c>
      <c r="J11" s="14">
        <v>47465</v>
      </c>
      <c r="K11" s="14">
        <v>43977</v>
      </c>
    </row>
    <row r="12" spans="1:11" ht="15" customHeight="1">
      <c r="A12" s="17" t="s">
        <v>21</v>
      </c>
      <c r="B12" s="17"/>
      <c r="C12" s="13">
        <v>12357</v>
      </c>
      <c r="D12" s="19">
        <v>6364</v>
      </c>
      <c r="E12" s="19">
        <v>5993</v>
      </c>
      <c r="F12" s="19"/>
      <c r="G12" s="18" t="s">
        <v>22</v>
      </c>
      <c r="H12" s="17"/>
      <c r="I12" s="13">
        <v>19845</v>
      </c>
      <c r="J12" s="19">
        <v>10397</v>
      </c>
      <c r="K12" s="19">
        <v>9448</v>
      </c>
    </row>
    <row r="13" spans="1:11" ht="15" customHeight="1">
      <c r="A13" s="17" t="s">
        <v>23</v>
      </c>
      <c r="B13" s="17"/>
      <c r="C13" s="13">
        <v>12626</v>
      </c>
      <c r="D13" s="19">
        <v>6411</v>
      </c>
      <c r="E13" s="19">
        <v>6215</v>
      </c>
      <c r="F13" s="19"/>
      <c r="G13" s="18" t="s">
        <v>24</v>
      </c>
      <c r="H13" s="17"/>
      <c r="I13" s="13">
        <v>18838</v>
      </c>
      <c r="J13" s="19">
        <v>9762</v>
      </c>
      <c r="K13" s="19">
        <v>9076</v>
      </c>
    </row>
    <row r="14" spans="1:11" ht="15" customHeight="1">
      <c r="A14" s="17" t="s">
        <v>25</v>
      </c>
      <c r="B14" s="17"/>
      <c r="C14" s="13">
        <v>12890</v>
      </c>
      <c r="D14" s="19">
        <v>6599</v>
      </c>
      <c r="E14" s="19">
        <v>6291</v>
      </c>
      <c r="F14" s="19"/>
      <c r="G14" s="18" t="s">
        <v>26</v>
      </c>
      <c r="H14" s="17"/>
      <c r="I14" s="13">
        <v>17885</v>
      </c>
      <c r="J14" s="19">
        <v>9391</v>
      </c>
      <c r="K14" s="19">
        <v>8494</v>
      </c>
    </row>
    <row r="15" spans="1:11" ht="15" customHeight="1">
      <c r="A15" s="17" t="s">
        <v>27</v>
      </c>
      <c r="B15" s="17"/>
      <c r="C15" s="13">
        <v>13123</v>
      </c>
      <c r="D15" s="19">
        <v>6679</v>
      </c>
      <c r="E15" s="19">
        <v>6444</v>
      </c>
      <c r="F15" s="19"/>
      <c r="G15" s="18" t="s">
        <v>28</v>
      </c>
      <c r="H15" s="17"/>
      <c r="I15" s="13">
        <v>17678</v>
      </c>
      <c r="J15" s="19">
        <v>9010</v>
      </c>
      <c r="K15" s="19">
        <v>8668</v>
      </c>
    </row>
    <row r="16" spans="1:11" ht="15" customHeight="1">
      <c r="A16" s="17" t="s">
        <v>29</v>
      </c>
      <c r="B16" s="17"/>
      <c r="C16" s="13">
        <v>13161</v>
      </c>
      <c r="D16" s="19">
        <v>6766</v>
      </c>
      <c r="E16" s="19">
        <v>6395</v>
      </c>
      <c r="F16" s="19"/>
      <c r="G16" s="18" t="s">
        <v>30</v>
      </c>
      <c r="H16" s="17"/>
      <c r="I16" s="13">
        <v>17196</v>
      </c>
      <c r="J16" s="19">
        <v>8905</v>
      </c>
      <c r="K16" s="19">
        <v>8291</v>
      </c>
    </row>
    <row r="17" spans="1:11" ht="20.100000000000001" customHeight="1">
      <c r="A17" s="20" t="s">
        <v>31</v>
      </c>
      <c r="B17" s="20"/>
      <c r="C17" s="13">
        <v>66830</v>
      </c>
      <c r="D17" s="14">
        <v>34270</v>
      </c>
      <c r="E17" s="14">
        <v>32560</v>
      </c>
      <c r="F17" s="14"/>
      <c r="G17" s="18" t="s">
        <v>32</v>
      </c>
      <c r="H17" s="17"/>
      <c r="I17" s="13">
        <v>83667</v>
      </c>
      <c r="J17" s="14">
        <v>42351</v>
      </c>
      <c r="K17" s="14">
        <v>41316</v>
      </c>
    </row>
    <row r="18" spans="1:11" ht="15" customHeight="1">
      <c r="A18" s="17" t="s">
        <v>33</v>
      </c>
      <c r="B18" s="17"/>
      <c r="C18" s="13">
        <v>13514</v>
      </c>
      <c r="D18" s="19">
        <v>6912</v>
      </c>
      <c r="E18" s="19">
        <v>6602</v>
      </c>
      <c r="F18" s="19"/>
      <c r="G18" s="18" t="s">
        <v>34</v>
      </c>
      <c r="H18" s="17"/>
      <c r="I18" s="13">
        <v>16985</v>
      </c>
      <c r="J18" s="19">
        <v>8693</v>
      </c>
      <c r="K18" s="19">
        <v>8292</v>
      </c>
    </row>
    <row r="19" spans="1:11" ht="15" customHeight="1">
      <c r="A19" s="17" t="s">
        <v>35</v>
      </c>
      <c r="B19" s="17"/>
      <c r="C19" s="13">
        <v>13413</v>
      </c>
      <c r="D19" s="19">
        <v>6962</v>
      </c>
      <c r="E19" s="19">
        <v>6451</v>
      </c>
      <c r="F19" s="19"/>
      <c r="G19" s="18" t="s">
        <v>36</v>
      </c>
      <c r="H19" s="17"/>
      <c r="I19" s="13">
        <v>15798</v>
      </c>
      <c r="J19" s="19">
        <v>8046</v>
      </c>
      <c r="K19" s="19">
        <v>7752</v>
      </c>
    </row>
    <row r="20" spans="1:11" ht="15" customHeight="1">
      <c r="A20" s="17" t="s">
        <v>37</v>
      </c>
      <c r="B20" s="17"/>
      <c r="C20" s="13">
        <v>13408</v>
      </c>
      <c r="D20" s="19">
        <v>6831</v>
      </c>
      <c r="E20" s="19">
        <v>6577</v>
      </c>
      <c r="F20" s="19"/>
      <c r="G20" s="18" t="s">
        <v>38</v>
      </c>
      <c r="H20" s="17"/>
      <c r="I20" s="13">
        <v>16459</v>
      </c>
      <c r="J20" s="19">
        <v>8332</v>
      </c>
      <c r="K20" s="19">
        <v>8127</v>
      </c>
    </row>
    <row r="21" spans="1:11" ht="15" customHeight="1">
      <c r="A21" s="17" t="s">
        <v>39</v>
      </c>
      <c r="B21" s="17"/>
      <c r="C21" s="13">
        <v>13181</v>
      </c>
      <c r="D21" s="19">
        <v>6709</v>
      </c>
      <c r="E21" s="19">
        <v>6472</v>
      </c>
      <c r="F21" s="19"/>
      <c r="G21" s="18" t="s">
        <v>40</v>
      </c>
      <c r="H21" s="17"/>
      <c r="I21" s="13">
        <v>17061</v>
      </c>
      <c r="J21" s="19">
        <v>8644</v>
      </c>
      <c r="K21" s="19">
        <v>8417</v>
      </c>
    </row>
    <row r="22" spans="1:11" ht="15" customHeight="1">
      <c r="A22" s="17" t="s">
        <v>41</v>
      </c>
      <c r="B22" s="17"/>
      <c r="C22" s="13">
        <v>13314</v>
      </c>
      <c r="D22" s="19">
        <v>6856</v>
      </c>
      <c r="E22" s="19">
        <v>6458</v>
      </c>
      <c r="F22" s="19"/>
      <c r="G22" s="18" t="s">
        <v>42</v>
      </c>
      <c r="H22" s="17"/>
      <c r="I22" s="13">
        <v>17364</v>
      </c>
      <c r="J22" s="19">
        <v>8636</v>
      </c>
      <c r="K22" s="19">
        <v>8728</v>
      </c>
    </row>
    <row r="23" spans="1:11" ht="20.100000000000001" customHeight="1">
      <c r="A23" s="17" t="s">
        <v>43</v>
      </c>
      <c r="B23" s="17"/>
      <c r="C23" s="13">
        <v>73178</v>
      </c>
      <c r="D23" s="14">
        <v>37395</v>
      </c>
      <c r="E23" s="14">
        <v>35783</v>
      </c>
      <c r="F23" s="14"/>
      <c r="G23" s="18" t="s">
        <v>44</v>
      </c>
      <c r="H23" s="17"/>
      <c r="I23" s="13">
        <v>105850</v>
      </c>
      <c r="J23" s="14">
        <v>50944</v>
      </c>
      <c r="K23" s="14">
        <v>54906</v>
      </c>
    </row>
    <row r="24" spans="1:11" ht="15" customHeight="1">
      <c r="A24" s="17" t="s">
        <v>45</v>
      </c>
      <c r="B24" s="17"/>
      <c r="C24" s="13">
        <v>13736</v>
      </c>
      <c r="D24" s="19">
        <v>7110</v>
      </c>
      <c r="E24" s="19">
        <v>6626</v>
      </c>
      <c r="F24" s="19"/>
      <c r="G24" s="18" t="s">
        <v>46</v>
      </c>
      <c r="H24" s="17"/>
      <c r="I24" s="13">
        <v>17733</v>
      </c>
      <c r="J24" s="19">
        <v>8698</v>
      </c>
      <c r="K24" s="19">
        <v>9035</v>
      </c>
    </row>
    <row r="25" spans="1:11" ht="15" customHeight="1">
      <c r="A25" s="17" t="s">
        <v>47</v>
      </c>
      <c r="B25" s="17"/>
      <c r="C25" s="13">
        <v>14138</v>
      </c>
      <c r="D25" s="19">
        <v>7154</v>
      </c>
      <c r="E25" s="19">
        <v>6984</v>
      </c>
      <c r="F25" s="19"/>
      <c r="G25" s="18" t="s">
        <v>48</v>
      </c>
      <c r="H25" s="17"/>
      <c r="I25" s="13">
        <v>19739</v>
      </c>
      <c r="J25" s="19">
        <v>9533</v>
      </c>
      <c r="K25" s="19">
        <v>10206</v>
      </c>
    </row>
    <row r="26" spans="1:11" ht="15" customHeight="1">
      <c r="A26" s="17" t="s">
        <v>49</v>
      </c>
      <c r="B26" s="17"/>
      <c r="C26" s="13">
        <v>14261</v>
      </c>
      <c r="D26" s="19">
        <v>7246</v>
      </c>
      <c r="E26" s="19">
        <v>7015</v>
      </c>
      <c r="F26" s="19"/>
      <c r="G26" s="18" t="s">
        <v>50</v>
      </c>
      <c r="H26" s="17"/>
      <c r="I26" s="13">
        <v>20608</v>
      </c>
      <c r="J26" s="19">
        <v>10048</v>
      </c>
      <c r="K26" s="19">
        <v>10560</v>
      </c>
    </row>
    <row r="27" spans="1:11" ht="15" customHeight="1">
      <c r="A27" s="17" t="s">
        <v>51</v>
      </c>
      <c r="B27" s="17"/>
      <c r="C27" s="13">
        <v>15224</v>
      </c>
      <c r="D27" s="19">
        <v>7802</v>
      </c>
      <c r="E27" s="19">
        <v>7422</v>
      </c>
      <c r="F27" s="19"/>
      <c r="G27" s="18" t="s">
        <v>52</v>
      </c>
      <c r="H27" s="17"/>
      <c r="I27" s="13">
        <v>22313</v>
      </c>
      <c r="J27" s="19">
        <v>10553</v>
      </c>
      <c r="K27" s="19">
        <v>11760</v>
      </c>
    </row>
    <row r="28" spans="1:11" ht="15" customHeight="1">
      <c r="A28" s="17" t="s">
        <v>53</v>
      </c>
      <c r="B28" s="17"/>
      <c r="C28" s="13">
        <v>15819</v>
      </c>
      <c r="D28" s="19">
        <v>8083</v>
      </c>
      <c r="E28" s="19">
        <v>7736</v>
      </c>
      <c r="F28" s="19"/>
      <c r="G28" s="18" t="s">
        <v>54</v>
      </c>
      <c r="H28" s="17"/>
      <c r="I28" s="13">
        <v>25457</v>
      </c>
      <c r="J28" s="19">
        <v>12112</v>
      </c>
      <c r="K28" s="19">
        <v>13345</v>
      </c>
    </row>
    <row r="29" spans="1:11" ht="20.100000000000001" customHeight="1">
      <c r="A29" s="17" t="s">
        <v>55</v>
      </c>
      <c r="B29" s="17"/>
      <c r="C29" s="13">
        <v>90276</v>
      </c>
      <c r="D29" s="14">
        <v>47169</v>
      </c>
      <c r="E29" s="14">
        <v>43107</v>
      </c>
      <c r="F29" s="14"/>
      <c r="G29" s="18" t="s">
        <v>56</v>
      </c>
      <c r="H29" s="17"/>
      <c r="I29" s="13">
        <v>101400</v>
      </c>
      <c r="J29" s="14">
        <v>47318</v>
      </c>
      <c r="K29" s="14">
        <v>54082</v>
      </c>
    </row>
    <row r="30" spans="1:11" ht="15" customHeight="1">
      <c r="A30" s="17" t="s">
        <v>57</v>
      </c>
      <c r="B30" s="17"/>
      <c r="C30" s="13">
        <v>16438</v>
      </c>
      <c r="D30" s="19">
        <v>8472</v>
      </c>
      <c r="E30" s="19">
        <v>7966</v>
      </c>
      <c r="F30" s="19"/>
      <c r="G30" s="18" t="s">
        <v>58</v>
      </c>
      <c r="H30" s="17"/>
      <c r="I30" s="13">
        <v>24791</v>
      </c>
      <c r="J30" s="19">
        <v>11541</v>
      </c>
      <c r="K30" s="19">
        <v>13250</v>
      </c>
    </row>
    <row r="31" spans="1:11" ht="15" customHeight="1">
      <c r="A31" s="17" t="s">
        <v>59</v>
      </c>
      <c r="B31" s="17"/>
      <c r="C31" s="13">
        <v>17017</v>
      </c>
      <c r="D31" s="19">
        <v>8933</v>
      </c>
      <c r="E31" s="19">
        <v>8084</v>
      </c>
      <c r="F31" s="19"/>
      <c r="G31" s="18" t="s">
        <v>60</v>
      </c>
      <c r="H31" s="17"/>
      <c r="I31" s="13">
        <v>24688</v>
      </c>
      <c r="J31" s="19">
        <v>11485</v>
      </c>
      <c r="K31" s="19">
        <v>13203</v>
      </c>
    </row>
    <row r="32" spans="1:11" ht="15" customHeight="1">
      <c r="A32" s="17" t="s">
        <v>61</v>
      </c>
      <c r="B32" s="17"/>
      <c r="C32" s="13">
        <v>18921</v>
      </c>
      <c r="D32" s="19">
        <v>9936</v>
      </c>
      <c r="E32" s="19">
        <v>8985</v>
      </c>
      <c r="F32" s="19"/>
      <c r="G32" s="18" t="s">
        <v>62</v>
      </c>
      <c r="H32" s="17"/>
      <c r="I32" s="13">
        <v>17115</v>
      </c>
      <c r="J32" s="19">
        <v>8093</v>
      </c>
      <c r="K32" s="19">
        <v>9022</v>
      </c>
    </row>
    <row r="33" spans="1:11" ht="15" customHeight="1">
      <c r="A33" s="17" t="s">
        <v>63</v>
      </c>
      <c r="B33" s="17"/>
      <c r="C33" s="13">
        <v>18932</v>
      </c>
      <c r="D33" s="19">
        <v>9810</v>
      </c>
      <c r="E33" s="19">
        <v>9122</v>
      </c>
      <c r="F33" s="19"/>
      <c r="G33" s="18" t="s">
        <v>64</v>
      </c>
      <c r="H33" s="17"/>
      <c r="I33" s="13">
        <v>15504</v>
      </c>
      <c r="J33" s="19">
        <v>7265</v>
      </c>
      <c r="K33" s="19">
        <v>8239</v>
      </c>
    </row>
    <row r="34" spans="1:11" ht="15" customHeight="1">
      <c r="A34" s="17" t="s">
        <v>65</v>
      </c>
      <c r="B34" s="17"/>
      <c r="C34" s="13">
        <v>18968</v>
      </c>
      <c r="D34" s="19">
        <v>10018</v>
      </c>
      <c r="E34" s="19">
        <v>8950</v>
      </c>
      <c r="F34" s="19"/>
      <c r="G34" s="18" t="s">
        <v>66</v>
      </c>
      <c r="H34" s="17"/>
      <c r="I34" s="13">
        <v>19302</v>
      </c>
      <c r="J34" s="19">
        <v>8934</v>
      </c>
      <c r="K34" s="19">
        <v>10368</v>
      </c>
    </row>
    <row r="35" spans="1:11" ht="20.100000000000001" customHeight="1">
      <c r="A35" s="17" t="s">
        <v>67</v>
      </c>
      <c r="B35" s="17"/>
      <c r="C35" s="13">
        <v>83091</v>
      </c>
      <c r="D35" s="14">
        <v>44351</v>
      </c>
      <c r="E35" s="14">
        <v>38740</v>
      </c>
      <c r="F35" s="14"/>
      <c r="G35" s="18" t="s">
        <v>68</v>
      </c>
      <c r="H35" s="17"/>
      <c r="I35" s="13">
        <v>88627</v>
      </c>
      <c r="J35" s="14">
        <v>41712</v>
      </c>
      <c r="K35" s="14">
        <v>46915</v>
      </c>
    </row>
    <row r="36" spans="1:11" ht="15" customHeight="1">
      <c r="A36" s="17" t="s">
        <v>69</v>
      </c>
      <c r="B36" s="17"/>
      <c r="C36" s="13">
        <v>17945</v>
      </c>
      <c r="D36" s="19">
        <v>9553</v>
      </c>
      <c r="E36" s="19">
        <v>8392</v>
      </c>
      <c r="F36" s="19"/>
      <c r="G36" s="18" t="s">
        <v>70</v>
      </c>
      <c r="H36" s="17"/>
      <c r="I36" s="13">
        <v>20475</v>
      </c>
      <c r="J36" s="19">
        <v>9604</v>
      </c>
      <c r="K36" s="19">
        <v>10871</v>
      </c>
    </row>
    <row r="37" spans="1:11" ht="15" customHeight="1">
      <c r="A37" s="17" t="s">
        <v>71</v>
      </c>
      <c r="B37" s="17"/>
      <c r="C37" s="13">
        <v>17000</v>
      </c>
      <c r="D37" s="19">
        <v>9166</v>
      </c>
      <c r="E37" s="19">
        <v>7834</v>
      </c>
      <c r="F37" s="19"/>
      <c r="G37" s="18" t="s">
        <v>72</v>
      </c>
      <c r="H37" s="17"/>
      <c r="I37" s="13">
        <v>19107</v>
      </c>
      <c r="J37" s="19">
        <v>9043</v>
      </c>
      <c r="K37" s="19">
        <v>10064</v>
      </c>
    </row>
    <row r="38" spans="1:11" ht="15" customHeight="1">
      <c r="A38" s="17" t="s">
        <v>73</v>
      </c>
      <c r="B38" s="17"/>
      <c r="C38" s="13">
        <v>16327</v>
      </c>
      <c r="D38" s="19">
        <v>8700</v>
      </c>
      <c r="E38" s="19">
        <v>7627</v>
      </c>
      <c r="F38" s="19"/>
      <c r="G38" s="18" t="s">
        <v>74</v>
      </c>
      <c r="H38" s="17"/>
      <c r="I38" s="13">
        <v>18630</v>
      </c>
      <c r="J38" s="19">
        <v>8672</v>
      </c>
      <c r="K38" s="19">
        <v>9958</v>
      </c>
    </row>
    <row r="39" spans="1:11" ht="15" customHeight="1">
      <c r="A39" s="17" t="s">
        <v>75</v>
      </c>
      <c r="B39" s="17"/>
      <c r="C39" s="13">
        <v>15941</v>
      </c>
      <c r="D39" s="19">
        <v>8559</v>
      </c>
      <c r="E39" s="19">
        <v>7382</v>
      </c>
      <c r="F39" s="19"/>
      <c r="G39" s="18" t="s">
        <v>76</v>
      </c>
      <c r="H39" s="17"/>
      <c r="I39" s="13">
        <v>16664</v>
      </c>
      <c r="J39" s="19">
        <v>7839</v>
      </c>
      <c r="K39" s="19">
        <v>8825</v>
      </c>
    </row>
    <row r="40" spans="1:11" ht="15" customHeight="1">
      <c r="A40" s="17" t="s">
        <v>77</v>
      </c>
      <c r="B40" s="17"/>
      <c r="C40" s="13">
        <v>15878</v>
      </c>
      <c r="D40" s="19">
        <v>8373</v>
      </c>
      <c r="E40" s="19">
        <v>7505</v>
      </c>
      <c r="F40" s="19"/>
      <c r="G40" s="18" t="s">
        <v>78</v>
      </c>
      <c r="H40" s="17"/>
      <c r="I40" s="13">
        <v>13751</v>
      </c>
      <c r="J40" s="19">
        <v>6554</v>
      </c>
      <c r="K40" s="19">
        <v>7197</v>
      </c>
    </row>
    <row r="41" spans="1:11" ht="20.100000000000001" customHeight="1">
      <c r="A41" s="17" t="s">
        <v>79</v>
      </c>
      <c r="B41" s="17"/>
      <c r="C41" s="13">
        <v>86654</v>
      </c>
      <c r="D41" s="14">
        <v>45568</v>
      </c>
      <c r="E41" s="14">
        <v>41086</v>
      </c>
      <c r="F41" s="14"/>
      <c r="G41" s="18" t="s">
        <v>80</v>
      </c>
      <c r="H41" s="17"/>
      <c r="I41" s="13">
        <v>55479</v>
      </c>
      <c r="J41" s="14">
        <v>25282</v>
      </c>
      <c r="K41" s="14">
        <v>30197</v>
      </c>
    </row>
    <row r="42" spans="1:11" ht="15" customHeight="1">
      <c r="A42" s="17" t="s">
        <v>81</v>
      </c>
      <c r="B42" s="17"/>
      <c r="C42" s="13">
        <v>16837</v>
      </c>
      <c r="D42" s="19">
        <v>8842</v>
      </c>
      <c r="E42" s="19">
        <v>7995</v>
      </c>
      <c r="F42" s="19"/>
      <c r="G42" s="18" t="s">
        <v>82</v>
      </c>
      <c r="H42" s="17"/>
      <c r="I42" s="13">
        <v>12646</v>
      </c>
      <c r="J42" s="19">
        <v>6008</v>
      </c>
      <c r="K42" s="19">
        <v>6638</v>
      </c>
    </row>
    <row r="43" spans="1:11" ht="15" customHeight="1">
      <c r="A43" s="17" t="s">
        <v>83</v>
      </c>
      <c r="B43" s="17"/>
      <c r="C43" s="13">
        <v>16612</v>
      </c>
      <c r="D43" s="19">
        <v>8760</v>
      </c>
      <c r="E43" s="19">
        <v>7852</v>
      </c>
      <c r="F43" s="19"/>
      <c r="G43" s="18" t="s">
        <v>84</v>
      </c>
      <c r="H43" s="17"/>
      <c r="I43" s="13">
        <v>12844</v>
      </c>
      <c r="J43" s="19">
        <v>6011</v>
      </c>
      <c r="K43" s="19">
        <v>6833</v>
      </c>
    </row>
    <row r="44" spans="1:11" ht="15" customHeight="1">
      <c r="A44" s="17" t="s">
        <v>85</v>
      </c>
      <c r="B44" s="17"/>
      <c r="C44" s="13">
        <v>17022</v>
      </c>
      <c r="D44" s="19">
        <v>9003</v>
      </c>
      <c r="E44" s="19">
        <v>8019</v>
      </c>
      <c r="F44" s="19"/>
      <c r="G44" s="18" t="s">
        <v>86</v>
      </c>
      <c r="H44" s="17"/>
      <c r="I44" s="13">
        <v>11134</v>
      </c>
      <c r="J44" s="19">
        <v>5109</v>
      </c>
      <c r="K44" s="19">
        <v>6025</v>
      </c>
    </row>
    <row r="45" spans="1:11" ht="15" customHeight="1">
      <c r="A45" s="17" t="s">
        <v>87</v>
      </c>
      <c r="B45" s="17"/>
      <c r="C45" s="13">
        <v>17542</v>
      </c>
      <c r="D45" s="19">
        <v>9133</v>
      </c>
      <c r="E45" s="19">
        <v>8409</v>
      </c>
      <c r="F45" s="19"/>
      <c r="G45" s="18" t="s">
        <v>88</v>
      </c>
      <c r="H45" s="17"/>
      <c r="I45" s="13">
        <v>10322</v>
      </c>
      <c r="J45" s="19">
        <v>4591</v>
      </c>
      <c r="K45" s="19">
        <v>5731</v>
      </c>
    </row>
    <row r="46" spans="1:11" ht="15" customHeight="1">
      <c r="A46" s="17" t="s">
        <v>89</v>
      </c>
      <c r="B46" s="17"/>
      <c r="C46" s="13">
        <v>18641</v>
      </c>
      <c r="D46" s="19">
        <v>9830</v>
      </c>
      <c r="E46" s="19">
        <v>8811</v>
      </c>
      <c r="F46" s="19"/>
      <c r="G46" s="18" t="s">
        <v>90</v>
      </c>
      <c r="H46" s="17"/>
      <c r="I46" s="13">
        <v>8533</v>
      </c>
      <c r="J46" s="19">
        <v>3563</v>
      </c>
      <c r="K46" s="19">
        <v>4970</v>
      </c>
    </row>
    <row r="47" spans="1:11" ht="20.100000000000001" customHeight="1">
      <c r="A47" s="17" t="s">
        <v>91</v>
      </c>
      <c r="B47" s="17"/>
      <c r="C47" s="13">
        <v>97828</v>
      </c>
      <c r="D47" s="14">
        <v>51249</v>
      </c>
      <c r="E47" s="14">
        <v>46579</v>
      </c>
      <c r="F47" s="14"/>
      <c r="G47" s="18" t="s">
        <v>92</v>
      </c>
      <c r="H47" s="17"/>
      <c r="I47" s="13">
        <v>30112</v>
      </c>
      <c r="J47" s="14">
        <v>11329</v>
      </c>
      <c r="K47" s="14">
        <v>18783</v>
      </c>
    </row>
    <row r="48" spans="1:11" ht="15" customHeight="1">
      <c r="A48" s="17" t="s">
        <v>93</v>
      </c>
      <c r="B48" s="17"/>
      <c r="C48" s="13">
        <v>18925</v>
      </c>
      <c r="D48" s="19">
        <v>9851</v>
      </c>
      <c r="E48" s="19">
        <v>9074</v>
      </c>
      <c r="F48" s="19"/>
      <c r="G48" s="18" t="s">
        <v>94</v>
      </c>
      <c r="H48" s="17"/>
      <c r="I48" s="13">
        <v>7841</v>
      </c>
      <c r="J48" s="19">
        <v>3206</v>
      </c>
      <c r="K48" s="19">
        <v>4635</v>
      </c>
    </row>
    <row r="49" spans="1:11" ht="15" customHeight="1">
      <c r="A49" s="17" t="s">
        <v>95</v>
      </c>
      <c r="B49" s="17"/>
      <c r="C49" s="13">
        <v>18754</v>
      </c>
      <c r="D49" s="19">
        <v>9864</v>
      </c>
      <c r="E49" s="19">
        <v>8890</v>
      </c>
      <c r="F49" s="19"/>
      <c r="G49" s="18" t="s">
        <v>96</v>
      </c>
      <c r="H49" s="17"/>
      <c r="I49" s="13">
        <v>7040</v>
      </c>
      <c r="J49" s="19">
        <v>2695</v>
      </c>
      <c r="K49" s="19">
        <v>4345</v>
      </c>
    </row>
    <row r="50" spans="1:11" ht="15" customHeight="1">
      <c r="A50" s="17" t="s">
        <v>97</v>
      </c>
      <c r="B50" s="17"/>
      <c r="C50" s="13">
        <v>19379</v>
      </c>
      <c r="D50" s="19">
        <v>10128</v>
      </c>
      <c r="E50" s="19">
        <v>9251</v>
      </c>
      <c r="F50" s="19"/>
      <c r="G50" s="18" t="s">
        <v>98</v>
      </c>
      <c r="H50" s="17"/>
      <c r="I50" s="13">
        <v>5862</v>
      </c>
      <c r="J50" s="19">
        <v>2191</v>
      </c>
      <c r="K50" s="19">
        <v>3671</v>
      </c>
    </row>
    <row r="51" spans="1:11" ht="15" customHeight="1">
      <c r="A51" s="17" t="s">
        <v>99</v>
      </c>
      <c r="B51" s="17"/>
      <c r="C51" s="13">
        <v>19884</v>
      </c>
      <c r="D51" s="19">
        <v>10427</v>
      </c>
      <c r="E51" s="19">
        <v>9457</v>
      </c>
      <c r="F51" s="19"/>
      <c r="G51" s="18" t="s">
        <v>100</v>
      </c>
      <c r="H51" s="17"/>
      <c r="I51" s="13">
        <v>5062</v>
      </c>
      <c r="J51" s="19">
        <v>1786</v>
      </c>
      <c r="K51" s="19">
        <v>3276</v>
      </c>
    </row>
    <row r="52" spans="1:11" ht="15" customHeight="1">
      <c r="A52" s="17" t="s">
        <v>101</v>
      </c>
      <c r="B52" s="17"/>
      <c r="C52" s="13">
        <v>20886</v>
      </c>
      <c r="D52" s="19">
        <v>10979</v>
      </c>
      <c r="E52" s="19">
        <v>9907</v>
      </c>
      <c r="F52" s="19"/>
      <c r="G52" s="18" t="s">
        <v>102</v>
      </c>
      <c r="H52" s="17"/>
      <c r="I52" s="13">
        <v>4307</v>
      </c>
      <c r="J52" s="19">
        <v>1451</v>
      </c>
      <c r="K52" s="19">
        <v>2856</v>
      </c>
    </row>
    <row r="53" spans="1:11" ht="20.100000000000001" customHeight="1">
      <c r="A53" s="17" t="s">
        <v>103</v>
      </c>
      <c r="B53" s="17"/>
      <c r="C53" s="13">
        <v>118417</v>
      </c>
      <c r="D53" s="14">
        <v>61950</v>
      </c>
      <c r="E53" s="14">
        <v>56467</v>
      </c>
      <c r="F53" s="14"/>
      <c r="G53" s="18" t="s">
        <v>104</v>
      </c>
      <c r="H53" s="17"/>
      <c r="I53" s="13">
        <v>13086</v>
      </c>
      <c r="J53" s="14">
        <v>3802</v>
      </c>
      <c r="K53" s="14">
        <v>9284</v>
      </c>
    </row>
    <row r="54" spans="1:11" ht="15" customHeight="1">
      <c r="A54" s="17" t="s">
        <v>105</v>
      </c>
      <c r="B54" s="17"/>
      <c r="C54" s="13">
        <v>21841</v>
      </c>
      <c r="D54" s="19">
        <v>11397</v>
      </c>
      <c r="E54" s="19">
        <v>10444</v>
      </c>
      <c r="F54" s="19"/>
      <c r="G54" s="18" t="s">
        <v>106</v>
      </c>
      <c r="H54" s="17"/>
      <c r="I54" s="13">
        <v>3845</v>
      </c>
      <c r="J54" s="19">
        <v>1234</v>
      </c>
      <c r="K54" s="19">
        <v>2611</v>
      </c>
    </row>
    <row r="55" spans="1:11" ht="15" customHeight="1">
      <c r="A55" s="17" t="s">
        <v>107</v>
      </c>
      <c r="B55" s="17"/>
      <c r="C55" s="13">
        <v>22493</v>
      </c>
      <c r="D55" s="19">
        <v>11670</v>
      </c>
      <c r="E55" s="19">
        <v>10823</v>
      </c>
      <c r="F55" s="19"/>
      <c r="G55" s="18" t="s">
        <v>108</v>
      </c>
      <c r="H55" s="17"/>
      <c r="I55" s="13">
        <v>3058</v>
      </c>
      <c r="J55" s="19">
        <v>969</v>
      </c>
      <c r="K55" s="19">
        <v>2089</v>
      </c>
    </row>
    <row r="56" spans="1:11" ht="15" customHeight="1">
      <c r="A56" s="17" t="s">
        <v>109</v>
      </c>
      <c r="B56" s="17"/>
      <c r="C56" s="13">
        <v>23331</v>
      </c>
      <c r="D56" s="19">
        <v>12285</v>
      </c>
      <c r="E56" s="19">
        <v>11046</v>
      </c>
      <c r="F56" s="19"/>
      <c r="G56" s="18" t="s">
        <v>110</v>
      </c>
      <c r="H56" s="17"/>
      <c r="I56" s="13">
        <v>2523</v>
      </c>
      <c r="J56" s="19">
        <v>722</v>
      </c>
      <c r="K56" s="19">
        <v>1801</v>
      </c>
    </row>
    <row r="57" spans="1:11" ht="15" customHeight="1">
      <c r="A57" s="17" t="s">
        <v>111</v>
      </c>
      <c r="B57" s="17"/>
      <c r="C57" s="13">
        <v>24300</v>
      </c>
      <c r="D57" s="19">
        <v>12667</v>
      </c>
      <c r="E57" s="19">
        <v>11633</v>
      </c>
      <c r="F57" s="19"/>
      <c r="G57" s="18" t="s">
        <v>112</v>
      </c>
      <c r="H57" s="17"/>
      <c r="I57" s="13">
        <v>2127</v>
      </c>
      <c r="J57" s="19">
        <v>554</v>
      </c>
      <c r="K57" s="19">
        <v>1573</v>
      </c>
    </row>
    <row r="58" spans="1:11" ht="15" customHeight="1">
      <c r="A58" s="17" t="s">
        <v>113</v>
      </c>
      <c r="B58" s="17"/>
      <c r="C58" s="13">
        <v>26452</v>
      </c>
      <c r="D58" s="19">
        <v>13931</v>
      </c>
      <c r="E58" s="19">
        <v>12521</v>
      </c>
      <c r="F58" s="19"/>
      <c r="G58" s="18" t="s">
        <v>114</v>
      </c>
      <c r="H58" s="17"/>
      <c r="I58" s="13">
        <v>1533</v>
      </c>
      <c r="J58" s="19">
        <v>323</v>
      </c>
      <c r="K58" s="19">
        <v>1210</v>
      </c>
    </row>
    <row r="59" spans="1:11" ht="20.100000000000001" customHeight="1">
      <c r="A59" s="17" t="s">
        <v>115</v>
      </c>
      <c r="B59" s="17"/>
      <c r="C59" s="13">
        <v>134424</v>
      </c>
      <c r="D59" s="14">
        <v>70406</v>
      </c>
      <c r="E59" s="14">
        <v>64018</v>
      </c>
      <c r="F59" s="14"/>
      <c r="G59" s="18" t="s">
        <v>116</v>
      </c>
      <c r="H59" s="17"/>
      <c r="I59" s="13">
        <v>3563</v>
      </c>
      <c r="J59" s="14">
        <v>648</v>
      </c>
      <c r="K59" s="14">
        <v>2915</v>
      </c>
    </row>
    <row r="60" spans="1:11" ht="15" customHeight="1">
      <c r="A60" s="17" t="s">
        <v>117</v>
      </c>
      <c r="B60" s="17"/>
      <c r="C60" s="13">
        <v>27730</v>
      </c>
      <c r="D60" s="19">
        <v>14430</v>
      </c>
      <c r="E60" s="19">
        <v>13300</v>
      </c>
      <c r="F60" s="19"/>
      <c r="G60" s="18" t="s">
        <v>118</v>
      </c>
      <c r="H60" s="17"/>
      <c r="I60" s="13">
        <v>1230</v>
      </c>
      <c r="J60" s="19">
        <v>243</v>
      </c>
      <c r="K60" s="19">
        <v>987</v>
      </c>
    </row>
    <row r="61" spans="1:11" ht="15" customHeight="1">
      <c r="A61" s="17" t="s">
        <v>119</v>
      </c>
      <c r="B61" s="17"/>
      <c r="C61" s="13">
        <v>27346</v>
      </c>
      <c r="D61" s="19">
        <v>14268</v>
      </c>
      <c r="E61" s="19">
        <v>13078</v>
      </c>
      <c r="F61" s="19"/>
      <c r="G61" s="18" t="s">
        <v>120</v>
      </c>
      <c r="H61" s="17"/>
      <c r="I61" s="13">
        <v>835</v>
      </c>
      <c r="J61" s="19">
        <v>158</v>
      </c>
      <c r="K61" s="19">
        <v>677</v>
      </c>
    </row>
    <row r="62" spans="1:11" ht="15" customHeight="1">
      <c r="A62" s="17" t="s">
        <v>121</v>
      </c>
      <c r="B62" s="17"/>
      <c r="C62" s="13">
        <v>27334</v>
      </c>
      <c r="D62" s="19">
        <v>14371</v>
      </c>
      <c r="E62" s="19">
        <v>12963</v>
      </c>
      <c r="F62" s="19"/>
      <c r="G62" s="18" t="s">
        <v>122</v>
      </c>
      <c r="H62" s="17"/>
      <c r="I62" s="13">
        <v>676</v>
      </c>
      <c r="J62" s="19">
        <v>93</v>
      </c>
      <c r="K62" s="19">
        <v>583</v>
      </c>
    </row>
    <row r="63" spans="1:11" ht="15" customHeight="1">
      <c r="A63" s="17" t="s">
        <v>123</v>
      </c>
      <c r="B63" s="17"/>
      <c r="C63" s="13">
        <v>26562</v>
      </c>
      <c r="D63" s="19">
        <v>13967</v>
      </c>
      <c r="E63" s="19">
        <v>12595</v>
      </c>
      <c r="F63" s="19"/>
      <c r="G63" s="18" t="s">
        <v>124</v>
      </c>
      <c r="H63" s="17"/>
      <c r="I63" s="13">
        <v>481</v>
      </c>
      <c r="J63" s="19">
        <v>103</v>
      </c>
      <c r="K63" s="19">
        <v>378</v>
      </c>
    </row>
    <row r="64" spans="1:11" ht="15" customHeight="1">
      <c r="A64" s="17" t="s">
        <v>125</v>
      </c>
      <c r="B64" s="17"/>
      <c r="C64" s="13">
        <v>25452</v>
      </c>
      <c r="D64" s="19">
        <v>13370</v>
      </c>
      <c r="E64" s="19">
        <v>12082</v>
      </c>
      <c r="F64" s="19"/>
      <c r="G64" s="18" t="s">
        <v>126</v>
      </c>
      <c r="H64" s="17"/>
      <c r="I64" s="13">
        <v>341</v>
      </c>
      <c r="J64" s="19">
        <v>51</v>
      </c>
      <c r="K64" s="19">
        <v>29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24</v>
      </c>
      <c r="J65" s="19">
        <v>113</v>
      </c>
      <c r="K65" s="19">
        <v>61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1677</v>
      </c>
      <c r="J66" s="29">
        <v>6436</v>
      </c>
      <c r="K66" s="29">
        <v>5241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5" pageOrder="overThenDown" orientation="portrait" blackAndWhite="1" useFirstPageNumber="1" horizontalDpi="300" verticalDpi="300"/>
  <headerFooter scaleWithDoc="0"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0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722863</v>
      </c>
      <c r="D4" s="14">
        <v>361625</v>
      </c>
      <c r="E4" s="14">
        <v>36123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6431</v>
      </c>
      <c r="D5" s="14">
        <v>13594</v>
      </c>
      <c r="E5" s="14">
        <v>12837</v>
      </c>
      <c r="F5" s="14"/>
      <c r="G5" s="18" t="s">
        <v>8</v>
      </c>
      <c r="H5" s="17"/>
      <c r="I5" s="13">
        <v>52417</v>
      </c>
      <c r="J5" s="14">
        <v>27427</v>
      </c>
      <c r="K5" s="14">
        <v>24990</v>
      </c>
    </row>
    <row r="6" spans="1:11" ht="15" customHeight="1">
      <c r="A6" s="17" t="s">
        <v>9</v>
      </c>
      <c r="B6" s="17"/>
      <c r="C6" s="13">
        <v>5069</v>
      </c>
      <c r="D6" s="19">
        <v>2626</v>
      </c>
      <c r="E6" s="19">
        <v>2443</v>
      </c>
      <c r="F6" s="19"/>
      <c r="G6" s="18" t="s">
        <v>10</v>
      </c>
      <c r="H6" s="17"/>
      <c r="I6" s="13">
        <v>11281</v>
      </c>
      <c r="J6" s="19">
        <v>5962</v>
      </c>
      <c r="K6" s="19">
        <v>5319</v>
      </c>
    </row>
    <row r="7" spans="1:11" ht="15" customHeight="1">
      <c r="A7" s="17" t="s">
        <v>11</v>
      </c>
      <c r="B7" s="17"/>
      <c r="C7" s="13">
        <v>5220</v>
      </c>
      <c r="D7" s="19">
        <v>2635</v>
      </c>
      <c r="E7" s="19">
        <v>2585</v>
      </c>
      <c r="F7" s="19"/>
      <c r="G7" s="18" t="s">
        <v>12</v>
      </c>
      <c r="H7" s="17"/>
      <c r="I7" s="13">
        <v>11861</v>
      </c>
      <c r="J7" s="19">
        <v>6185</v>
      </c>
      <c r="K7" s="19">
        <v>5676</v>
      </c>
    </row>
    <row r="8" spans="1:11" ht="15" customHeight="1">
      <c r="A8" s="17" t="s">
        <v>13</v>
      </c>
      <c r="B8" s="17"/>
      <c r="C8" s="13">
        <v>5351</v>
      </c>
      <c r="D8" s="19">
        <v>2739</v>
      </c>
      <c r="E8" s="19">
        <v>2612</v>
      </c>
      <c r="F8" s="19"/>
      <c r="G8" s="18" t="s">
        <v>14</v>
      </c>
      <c r="H8" s="17"/>
      <c r="I8" s="13">
        <v>8497</v>
      </c>
      <c r="J8" s="19">
        <v>4416</v>
      </c>
      <c r="K8" s="19">
        <v>4081</v>
      </c>
    </row>
    <row r="9" spans="1:11" ht="15" customHeight="1">
      <c r="A9" s="17" t="s">
        <v>15</v>
      </c>
      <c r="B9" s="17"/>
      <c r="C9" s="13">
        <v>5281</v>
      </c>
      <c r="D9" s="19">
        <v>2807</v>
      </c>
      <c r="E9" s="19">
        <v>2474</v>
      </c>
      <c r="F9" s="19"/>
      <c r="G9" s="18" t="s">
        <v>16</v>
      </c>
      <c r="H9" s="17"/>
      <c r="I9" s="13">
        <v>10869</v>
      </c>
      <c r="J9" s="19">
        <v>5690</v>
      </c>
      <c r="K9" s="19">
        <v>5179</v>
      </c>
    </row>
    <row r="10" spans="1:11" ht="15" customHeight="1">
      <c r="A10" s="17" t="s">
        <v>17</v>
      </c>
      <c r="B10" s="17"/>
      <c r="C10" s="13">
        <v>5510</v>
      </c>
      <c r="D10" s="19">
        <v>2787</v>
      </c>
      <c r="E10" s="19">
        <v>2723</v>
      </c>
      <c r="F10" s="19"/>
      <c r="G10" s="18" t="s">
        <v>18</v>
      </c>
      <c r="H10" s="17"/>
      <c r="I10" s="13">
        <v>9909</v>
      </c>
      <c r="J10" s="19">
        <v>5174</v>
      </c>
      <c r="K10" s="19">
        <v>4735</v>
      </c>
    </row>
    <row r="11" spans="1:11" ht="20.100000000000001" customHeight="1">
      <c r="A11" s="17" t="s">
        <v>19</v>
      </c>
      <c r="B11" s="17"/>
      <c r="C11" s="13">
        <v>28729</v>
      </c>
      <c r="D11" s="14">
        <v>14614</v>
      </c>
      <c r="E11" s="14">
        <v>14115</v>
      </c>
      <c r="F11" s="14"/>
      <c r="G11" s="18" t="s">
        <v>20</v>
      </c>
      <c r="H11" s="17"/>
      <c r="I11" s="13">
        <v>42343</v>
      </c>
      <c r="J11" s="14">
        <v>21822</v>
      </c>
      <c r="K11" s="14">
        <v>20521</v>
      </c>
    </row>
    <row r="12" spans="1:11" ht="15" customHeight="1">
      <c r="A12" s="17" t="s">
        <v>21</v>
      </c>
      <c r="B12" s="17"/>
      <c r="C12" s="13">
        <v>5559</v>
      </c>
      <c r="D12" s="19">
        <v>2902</v>
      </c>
      <c r="E12" s="19">
        <v>2657</v>
      </c>
      <c r="F12" s="19"/>
      <c r="G12" s="18" t="s">
        <v>22</v>
      </c>
      <c r="H12" s="17"/>
      <c r="I12" s="13">
        <v>9244</v>
      </c>
      <c r="J12" s="19">
        <v>4771</v>
      </c>
      <c r="K12" s="19">
        <v>4473</v>
      </c>
    </row>
    <row r="13" spans="1:11" ht="15" customHeight="1">
      <c r="A13" s="17" t="s">
        <v>23</v>
      </c>
      <c r="B13" s="17"/>
      <c r="C13" s="13">
        <v>5647</v>
      </c>
      <c r="D13" s="19">
        <v>2848</v>
      </c>
      <c r="E13" s="19">
        <v>2799</v>
      </c>
      <c r="F13" s="19"/>
      <c r="G13" s="18" t="s">
        <v>24</v>
      </c>
      <c r="H13" s="17"/>
      <c r="I13" s="13">
        <v>8721</v>
      </c>
      <c r="J13" s="19">
        <v>4474</v>
      </c>
      <c r="K13" s="19">
        <v>4247</v>
      </c>
    </row>
    <row r="14" spans="1:11" ht="15" customHeight="1">
      <c r="A14" s="17" t="s">
        <v>25</v>
      </c>
      <c r="B14" s="17"/>
      <c r="C14" s="13">
        <v>5721</v>
      </c>
      <c r="D14" s="19">
        <v>2927</v>
      </c>
      <c r="E14" s="19">
        <v>2794</v>
      </c>
      <c r="F14" s="19"/>
      <c r="G14" s="18" t="s">
        <v>26</v>
      </c>
      <c r="H14" s="17"/>
      <c r="I14" s="13">
        <v>8232</v>
      </c>
      <c r="J14" s="19">
        <v>4314</v>
      </c>
      <c r="K14" s="19">
        <v>3918</v>
      </c>
    </row>
    <row r="15" spans="1:11" ht="15" customHeight="1">
      <c r="A15" s="17" t="s">
        <v>27</v>
      </c>
      <c r="B15" s="17"/>
      <c r="C15" s="13">
        <v>5819</v>
      </c>
      <c r="D15" s="19">
        <v>2920</v>
      </c>
      <c r="E15" s="19">
        <v>2899</v>
      </c>
      <c r="F15" s="19"/>
      <c r="G15" s="18" t="s">
        <v>28</v>
      </c>
      <c r="H15" s="17"/>
      <c r="I15" s="13">
        <v>8279</v>
      </c>
      <c r="J15" s="19">
        <v>4198</v>
      </c>
      <c r="K15" s="19">
        <v>4081</v>
      </c>
    </row>
    <row r="16" spans="1:11" ht="15" customHeight="1">
      <c r="A16" s="17" t="s">
        <v>29</v>
      </c>
      <c r="B16" s="17"/>
      <c r="C16" s="13">
        <v>5983</v>
      </c>
      <c r="D16" s="19">
        <v>3017</v>
      </c>
      <c r="E16" s="19">
        <v>2966</v>
      </c>
      <c r="F16" s="19"/>
      <c r="G16" s="18" t="s">
        <v>30</v>
      </c>
      <c r="H16" s="17"/>
      <c r="I16" s="13">
        <v>7867</v>
      </c>
      <c r="J16" s="19">
        <v>4065</v>
      </c>
      <c r="K16" s="19">
        <v>3802</v>
      </c>
    </row>
    <row r="17" spans="1:11" ht="20.100000000000001" customHeight="1">
      <c r="A17" s="20" t="s">
        <v>31</v>
      </c>
      <c r="B17" s="20"/>
      <c r="C17" s="13">
        <v>29935</v>
      </c>
      <c r="D17" s="14">
        <v>15314</v>
      </c>
      <c r="E17" s="14">
        <v>14621</v>
      </c>
      <c r="F17" s="14"/>
      <c r="G17" s="18" t="s">
        <v>32</v>
      </c>
      <c r="H17" s="17"/>
      <c r="I17" s="13">
        <v>38680</v>
      </c>
      <c r="J17" s="14">
        <v>19512</v>
      </c>
      <c r="K17" s="14">
        <v>19168</v>
      </c>
    </row>
    <row r="18" spans="1:11" ht="15" customHeight="1">
      <c r="A18" s="17" t="s">
        <v>33</v>
      </c>
      <c r="B18" s="17"/>
      <c r="C18" s="13">
        <v>6009</v>
      </c>
      <c r="D18" s="19">
        <v>3112</v>
      </c>
      <c r="E18" s="19">
        <v>2897</v>
      </c>
      <c r="F18" s="19"/>
      <c r="G18" s="18" t="s">
        <v>34</v>
      </c>
      <c r="H18" s="17"/>
      <c r="I18" s="13">
        <v>7815</v>
      </c>
      <c r="J18" s="19">
        <v>3949</v>
      </c>
      <c r="K18" s="19">
        <v>3866</v>
      </c>
    </row>
    <row r="19" spans="1:11" ht="15" customHeight="1">
      <c r="A19" s="17" t="s">
        <v>35</v>
      </c>
      <c r="B19" s="17"/>
      <c r="C19" s="13">
        <v>6096</v>
      </c>
      <c r="D19" s="19">
        <v>3170</v>
      </c>
      <c r="E19" s="19">
        <v>2926</v>
      </c>
      <c r="F19" s="19"/>
      <c r="G19" s="18" t="s">
        <v>36</v>
      </c>
      <c r="H19" s="17"/>
      <c r="I19" s="13">
        <v>7302</v>
      </c>
      <c r="J19" s="19">
        <v>3695</v>
      </c>
      <c r="K19" s="19">
        <v>3607</v>
      </c>
    </row>
    <row r="20" spans="1:11" ht="15" customHeight="1">
      <c r="A20" s="17" t="s">
        <v>37</v>
      </c>
      <c r="B20" s="17"/>
      <c r="C20" s="13">
        <v>6033</v>
      </c>
      <c r="D20" s="19">
        <v>3095</v>
      </c>
      <c r="E20" s="19">
        <v>2938</v>
      </c>
      <c r="F20" s="19"/>
      <c r="G20" s="18" t="s">
        <v>38</v>
      </c>
      <c r="H20" s="17"/>
      <c r="I20" s="13">
        <v>7734</v>
      </c>
      <c r="J20" s="19">
        <v>3899</v>
      </c>
      <c r="K20" s="19">
        <v>3835</v>
      </c>
    </row>
    <row r="21" spans="1:11" ht="15" customHeight="1">
      <c r="A21" s="17" t="s">
        <v>39</v>
      </c>
      <c r="B21" s="17"/>
      <c r="C21" s="13">
        <v>5947</v>
      </c>
      <c r="D21" s="19">
        <v>2951</v>
      </c>
      <c r="E21" s="19">
        <v>2996</v>
      </c>
      <c r="F21" s="19"/>
      <c r="G21" s="18" t="s">
        <v>40</v>
      </c>
      <c r="H21" s="17"/>
      <c r="I21" s="13">
        <v>7789</v>
      </c>
      <c r="J21" s="19">
        <v>4017</v>
      </c>
      <c r="K21" s="19">
        <v>3772</v>
      </c>
    </row>
    <row r="22" spans="1:11" ht="15" customHeight="1">
      <c r="A22" s="17" t="s">
        <v>41</v>
      </c>
      <c r="B22" s="17"/>
      <c r="C22" s="13">
        <v>5850</v>
      </c>
      <c r="D22" s="19">
        <v>2986</v>
      </c>
      <c r="E22" s="19">
        <v>2864</v>
      </c>
      <c r="F22" s="19"/>
      <c r="G22" s="18" t="s">
        <v>42</v>
      </c>
      <c r="H22" s="17"/>
      <c r="I22" s="13">
        <v>8040</v>
      </c>
      <c r="J22" s="19">
        <v>3952</v>
      </c>
      <c r="K22" s="19">
        <v>4088</v>
      </c>
    </row>
    <row r="23" spans="1:11" ht="20.100000000000001" customHeight="1">
      <c r="A23" s="17" t="s">
        <v>43</v>
      </c>
      <c r="B23" s="17"/>
      <c r="C23" s="13">
        <v>32879</v>
      </c>
      <c r="D23" s="14">
        <v>16791</v>
      </c>
      <c r="E23" s="14">
        <v>16088</v>
      </c>
      <c r="F23" s="14"/>
      <c r="G23" s="18" t="s">
        <v>44</v>
      </c>
      <c r="H23" s="17"/>
      <c r="I23" s="13">
        <v>48489</v>
      </c>
      <c r="J23" s="14">
        <v>23338</v>
      </c>
      <c r="K23" s="14">
        <v>25151</v>
      </c>
    </row>
    <row r="24" spans="1:11" ht="15" customHeight="1">
      <c r="A24" s="17" t="s">
        <v>45</v>
      </c>
      <c r="B24" s="17"/>
      <c r="C24" s="13">
        <v>6195</v>
      </c>
      <c r="D24" s="19">
        <v>3206</v>
      </c>
      <c r="E24" s="19">
        <v>2989</v>
      </c>
      <c r="F24" s="19"/>
      <c r="G24" s="18" t="s">
        <v>46</v>
      </c>
      <c r="H24" s="17"/>
      <c r="I24" s="13">
        <v>8074</v>
      </c>
      <c r="J24" s="19">
        <v>3973</v>
      </c>
      <c r="K24" s="19">
        <v>4101</v>
      </c>
    </row>
    <row r="25" spans="1:11" ht="15" customHeight="1">
      <c r="A25" s="17" t="s">
        <v>47</v>
      </c>
      <c r="B25" s="17"/>
      <c r="C25" s="13">
        <v>6228</v>
      </c>
      <c r="D25" s="19">
        <v>3199</v>
      </c>
      <c r="E25" s="19">
        <v>3029</v>
      </c>
      <c r="F25" s="19"/>
      <c r="G25" s="18" t="s">
        <v>48</v>
      </c>
      <c r="H25" s="17"/>
      <c r="I25" s="13">
        <v>9058</v>
      </c>
      <c r="J25" s="19">
        <v>4339</v>
      </c>
      <c r="K25" s="19">
        <v>4719</v>
      </c>
    </row>
    <row r="26" spans="1:11" ht="15" customHeight="1">
      <c r="A26" s="17" t="s">
        <v>49</v>
      </c>
      <c r="B26" s="17"/>
      <c r="C26" s="13">
        <v>6512</v>
      </c>
      <c r="D26" s="19">
        <v>3355</v>
      </c>
      <c r="E26" s="19">
        <v>3157</v>
      </c>
      <c r="F26" s="19"/>
      <c r="G26" s="18" t="s">
        <v>50</v>
      </c>
      <c r="H26" s="17"/>
      <c r="I26" s="13">
        <v>9585</v>
      </c>
      <c r="J26" s="19">
        <v>4670</v>
      </c>
      <c r="K26" s="19">
        <v>4915</v>
      </c>
    </row>
    <row r="27" spans="1:11" ht="15" customHeight="1">
      <c r="A27" s="17" t="s">
        <v>51</v>
      </c>
      <c r="B27" s="17"/>
      <c r="C27" s="13">
        <v>6731</v>
      </c>
      <c r="D27" s="19">
        <v>3371</v>
      </c>
      <c r="E27" s="19">
        <v>3360</v>
      </c>
      <c r="F27" s="19"/>
      <c r="G27" s="18" t="s">
        <v>52</v>
      </c>
      <c r="H27" s="17"/>
      <c r="I27" s="13">
        <v>10163</v>
      </c>
      <c r="J27" s="19">
        <v>4808</v>
      </c>
      <c r="K27" s="19">
        <v>5355</v>
      </c>
    </row>
    <row r="28" spans="1:11" ht="15" customHeight="1">
      <c r="A28" s="17" t="s">
        <v>53</v>
      </c>
      <c r="B28" s="17"/>
      <c r="C28" s="13">
        <v>7213</v>
      </c>
      <c r="D28" s="19">
        <v>3660</v>
      </c>
      <c r="E28" s="19">
        <v>3553</v>
      </c>
      <c r="F28" s="19"/>
      <c r="G28" s="18" t="s">
        <v>54</v>
      </c>
      <c r="H28" s="17"/>
      <c r="I28" s="13">
        <v>11609</v>
      </c>
      <c r="J28" s="19">
        <v>5548</v>
      </c>
      <c r="K28" s="19">
        <v>6061</v>
      </c>
    </row>
    <row r="29" spans="1:11" ht="20.100000000000001" customHeight="1">
      <c r="A29" s="17" t="s">
        <v>55</v>
      </c>
      <c r="B29" s="17"/>
      <c r="C29" s="13">
        <v>43399</v>
      </c>
      <c r="D29" s="14">
        <v>22056</v>
      </c>
      <c r="E29" s="14">
        <v>21343</v>
      </c>
      <c r="F29" s="14"/>
      <c r="G29" s="18" t="s">
        <v>56</v>
      </c>
      <c r="H29" s="17"/>
      <c r="I29" s="13">
        <v>46464</v>
      </c>
      <c r="J29" s="14">
        <v>21566</v>
      </c>
      <c r="K29" s="14">
        <v>24898</v>
      </c>
    </row>
    <row r="30" spans="1:11" ht="15" customHeight="1">
      <c r="A30" s="17" t="s">
        <v>57</v>
      </c>
      <c r="B30" s="17"/>
      <c r="C30" s="13">
        <v>7602</v>
      </c>
      <c r="D30" s="19">
        <v>3873</v>
      </c>
      <c r="E30" s="19">
        <v>3729</v>
      </c>
      <c r="F30" s="19"/>
      <c r="G30" s="18" t="s">
        <v>58</v>
      </c>
      <c r="H30" s="17"/>
      <c r="I30" s="13">
        <v>11306</v>
      </c>
      <c r="J30" s="19">
        <v>5203</v>
      </c>
      <c r="K30" s="19">
        <v>6103</v>
      </c>
    </row>
    <row r="31" spans="1:11" ht="15" customHeight="1">
      <c r="A31" s="17" t="s">
        <v>59</v>
      </c>
      <c r="B31" s="17"/>
      <c r="C31" s="13">
        <v>8100</v>
      </c>
      <c r="D31" s="19">
        <v>4208</v>
      </c>
      <c r="E31" s="19">
        <v>3892</v>
      </c>
      <c r="F31" s="19"/>
      <c r="G31" s="18" t="s">
        <v>60</v>
      </c>
      <c r="H31" s="17"/>
      <c r="I31" s="13">
        <v>11144</v>
      </c>
      <c r="J31" s="19">
        <v>5239</v>
      </c>
      <c r="K31" s="19">
        <v>5905</v>
      </c>
    </row>
    <row r="32" spans="1:11" ht="15" customHeight="1">
      <c r="A32" s="17" t="s">
        <v>61</v>
      </c>
      <c r="B32" s="17"/>
      <c r="C32" s="13">
        <v>9229</v>
      </c>
      <c r="D32" s="19">
        <v>4711</v>
      </c>
      <c r="E32" s="19">
        <v>4518</v>
      </c>
      <c r="F32" s="19"/>
      <c r="G32" s="18" t="s">
        <v>62</v>
      </c>
      <c r="H32" s="17"/>
      <c r="I32" s="13">
        <v>7774</v>
      </c>
      <c r="J32" s="19">
        <v>3559</v>
      </c>
      <c r="K32" s="19">
        <v>4215</v>
      </c>
    </row>
    <row r="33" spans="1:11" ht="15" customHeight="1">
      <c r="A33" s="17" t="s">
        <v>63</v>
      </c>
      <c r="B33" s="17"/>
      <c r="C33" s="13">
        <v>9203</v>
      </c>
      <c r="D33" s="19">
        <v>4561</v>
      </c>
      <c r="E33" s="19">
        <v>4642</v>
      </c>
      <c r="F33" s="19"/>
      <c r="G33" s="18" t="s">
        <v>64</v>
      </c>
      <c r="H33" s="17"/>
      <c r="I33" s="13">
        <v>7234</v>
      </c>
      <c r="J33" s="19">
        <v>3378</v>
      </c>
      <c r="K33" s="19">
        <v>3856</v>
      </c>
    </row>
    <row r="34" spans="1:11" ht="15" customHeight="1">
      <c r="A34" s="17" t="s">
        <v>65</v>
      </c>
      <c r="B34" s="17"/>
      <c r="C34" s="13">
        <v>9265</v>
      </c>
      <c r="D34" s="19">
        <v>4703</v>
      </c>
      <c r="E34" s="19">
        <v>4562</v>
      </c>
      <c r="F34" s="19"/>
      <c r="G34" s="18" t="s">
        <v>66</v>
      </c>
      <c r="H34" s="17"/>
      <c r="I34" s="13">
        <v>9006</v>
      </c>
      <c r="J34" s="19">
        <v>4187</v>
      </c>
      <c r="K34" s="19">
        <v>4819</v>
      </c>
    </row>
    <row r="35" spans="1:11" ht="20.100000000000001" customHeight="1">
      <c r="A35" s="17" t="s">
        <v>67</v>
      </c>
      <c r="B35" s="17"/>
      <c r="C35" s="13">
        <v>39044</v>
      </c>
      <c r="D35" s="14">
        <v>20349</v>
      </c>
      <c r="E35" s="14">
        <v>18695</v>
      </c>
      <c r="F35" s="14"/>
      <c r="G35" s="18" t="s">
        <v>68</v>
      </c>
      <c r="H35" s="17"/>
      <c r="I35" s="13">
        <v>41029</v>
      </c>
      <c r="J35" s="14">
        <v>19354</v>
      </c>
      <c r="K35" s="14">
        <v>21675</v>
      </c>
    </row>
    <row r="36" spans="1:11" ht="15" customHeight="1">
      <c r="A36" s="17" t="s">
        <v>69</v>
      </c>
      <c r="B36" s="17"/>
      <c r="C36" s="13">
        <v>8595</v>
      </c>
      <c r="D36" s="19">
        <v>4357</v>
      </c>
      <c r="E36" s="19">
        <v>4238</v>
      </c>
      <c r="F36" s="19"/>
      <c r="G36" s="18" t="s">
        <v>70</v>
      </c>
      <c r="H36" s="17"/>
      <c r="I36" s="13">
        <v>9439</v>
      </c>
      <c r="J36" s="19">
        <v>4421</v>
      </c>
      <c r="K36" s="19">
        <v>5018</v>
      </c>
    </row>
    <row r="37" spans="1:11" ht="15" customHeight="1">
      <c r="A37" s="17" t="s">
        <v>71</v>
      </c>
      <c r="B37" s="17"/>
      <c r="C37" s="13">
        <v>8133</v>
      </c>
      <c r="D37" s="19">
        <v>4341</v>
      </c>
      <c r="E37" s="19">
        <v>3792</v>
      </c>
      <c r="F37" s="19"/>
      <c r="G37" s="18" t="s">
        <v>72</v>
      </c>
      <c r="H37" s="17"/>
      <c r="I37" s="13">
        <v>8759</v>
      </c>
      <c r="J37" s="19">
        <v>4161</v>
      </c>
      <c r="K37" s="19">
        <v>4598</v>
      </c>
    </row>
    <row r="38" spans="1:11" ht="15" customHeight="1">
      <c r="A38" s="17" t="s">
        <v>73</v>
      </c>
      <c r="B38" s="17"/>
      <c r="C38" s="13">
        <v>7569</v>
      </c>
      <c r="D38" s="19">
        <v>3979</v>
      </c>
      <c r="E38" s="19">
        <v>3590</v>
      </c>
      <c r="F38" s="19"/>
      <c r="G38" s="18" t="s">
        <v>74</v>
      </c>
      <c r="H38" s="17"/>
      <c r="I38" s="13">
        <v>8786</v>
      </c>
      <c r="J38" s="19">
        <v>4130</v>
      </c>
      <c r="K38" s="19">
        <v>4656</v>
      </c>
    </row>
    <row r="39" spans="1:11" ht="15" customHeight="1">
      <c r="A39" s="17" t="s">
        <v>75</v>
      </c>
      <c r="B39" s="17"/>
      <c r="C39" s="13">
        <v>7379</v>
      </c>
      <c r="D39" s="19">
        <v>3868</v>
      </c>
      <c r="E39" s="19">
        <v>3511</v>
      </c>
      <c r="F39" s="19"/>
      <c r="G39" s="18" t="s">
        <v>76</v>
      </c>
      <c r="H39" s="17"/>
      <c r="I39" s="13">
        <v>7659</v>
      </c>
      <c r="J39" s="19">
        <v>3597</v>
      </c>
      <c r="K39" s="19">
        <v>4062</v>
      </c>
    </row>
    <row r="40" spans="1:11" ht="15" customHeight="1">
      <c r="A40" s="17" t="s">
        <v>77</v>
      </c>
      <c r="B40" s="17"/>
      <c r="C40" s="13">
        <v>7368</v>
      </c>
      <c r="D40" s="19">
        <v>3804</v>
      </c>
      <c r="E40" s="19">
        <v>3564</v>
      </c>
      <c r="F40" s="19"/>
      <c r="G40" s="18" t="s">
        <v>78</v>
      </c>
      <c r="H40" s="17"/>
      <c r="I40" s="13">
        <v>6386</v>
      </c>
      <c r="J40" s="19">
        <v>3045</v>
      </c>
      <c r="K40" s="19">
        <v>3341</v>
      </c>
    </row>
    <row r="41" spans="1:11" ht="20.100000000000001" customHeight="1">
      <c r="A41" s="17" t="s">
        <v>79</v>
      </c>
      <c r="B41" s="17"/>
      <c r="C41" s="13">
        <v>39340</v>
      </c>
      <c r="D41" s="14">
        <v>20499</v>
      </c>
      <c r="E41" s="14">
        <v>18841</v>
      </c>
      <c r="F41" s="14"/>
      <c r="G41" s="18" t="s">
        <v>80</v>
      </c>
      <c r="H41" s="17"/>
      <c r="I41" s="13">
        <v>26023</v>
      </c>
      <c r="J41" s="14">
        <v>11825</v>
      </c>
      <c r="K41" s="14">
        <v>14198</v>
      </c>
    </row>
    <row r="42" spans="1:11" ht="15" customHeight="1">
      <c r="A42" s="17" t="s">
        <v>81</v>
      </c>
      <c r="B42" s="17"/>
      <c r="C42" s="13">
        <v>7648</v>
      </c>
      <c r="D42" s="19">
        <v>3953</v>
      </c>
      <c r="E42" s="19">
        <v>3695</v>
      </c>
      <c r="F42" s="19"/>
      <c r="G42" s="18" t="s">
        <v>82</v>
      </c>
      <c r="H42" s="17"/>
      <c r="I42" s="13">
        <v>5965</v>
      </c>
      <c r="J42" s="19">
        <v>2865</v>
      </c>
      <c r="K42" s="19">
        <v>3100</v>
      </c>
    </row>
    <row r="43" spans="1:11" ht="15" customHeight="1">
      <c r="A43" s="17" t="s">
        <v>83</v>
      </c>
      <c r="B43" s="17"/>
      <c r="C43" s="13">
        <v>7511</v>
      </c>
      <c r="D43" s="19">
        <v>3944</v>
      </c>
      <c r="E43" s="19">
        <v>3567</v>
      </c>
      <c r="F43" s="19"/>
      <c r="G43" s="18" t="s">
        <v>84</v>
      </c>
      <c r="H43" s="17"/>
      <c r="I43" s="13">
        <v>6030</v>
      </c>
      <c r="J43" s="19">
        <v>2841</v>
      </c>
      <c r="K43" s="19">
        <v>3189</v>
      </c>
    </row>
    <row r="44" spans="1:11" ht="15" customHeight="1">
      <c r="A44" s="17" t="s">
        <v>85</v>
      </c>
      <c r="B44" s="17"/>
      <c r="C44" s="13">
        <v>7696</v>
      </c>
      <c r="D44" s="19">
        <v>4065</v>
      </c>
      <c r="E44" s="19">
        <v>3631</v>
      </c>
      <c r="F44" s="19"/>
      <c r="G44" s="18" t="s">
        <v>86</v>
      </c>
      <c r="H44" s="17"/>
      <c r="I44" s="13">
        <v>5189</v>
      </c>
      <c r="J44" s="19">
        <v>2315</v>
      </c>
      <c r="K44" s="19">
        <v>2874</v>
      </c>
    </row>
    <row r="45" spans="1:11" ht="15" customHeight="1">
      <c r="A45" s="17" t="s">
        <v>87</v>
      </c>
      <c r="B45" s="17"/>
      <c r="C45" s="13">
        <v>8027</v>
      </c>
      <c r="D45" s="19">
        <v>4151</v>
      </c>
      <c r="E45" s="19">
        <v>3876</v>
      </c>
      <c r="F45" s="19"/>
      <c r="G45" s="18" t="s">
        <v>88</v>
      </c>
      <c r="H45" s="17"/>
      <c r="I45" s="13">
        <v>4836</v>
      </c>
      <c r="J45" s="19">
        <v>2124</v>
      </c>
      <c r="K45" s="19">
        <v>2712</v>
      </c>
    </row>
    <row r="46" spans="1:11" ht="15" customHeight="1">
      <c r="A46" s="17" t="s">
        <v>89</v>
      </c>
      <c r="B46" s="17"/>
      <c r="C46" s="13">
        <v>8458</v>
      </c>
      <c r="D46" s="19">
        <v>4386</v>
      </c>
      <c r="E46" s="19">
        <v>4072</v>
      </c>
      <c r="F46" s="19"/>
      <c r="G46" s="18" t="s">
        <v>90</v>
      </c>
      <c r="H46" s="17"/>
      <c r="I46" s="13">
        <v>4003</v>
      </c>
      <c r="J46" s="19">
        <v>1680</v>
      </c>
      <c r="K46" s="19">
        <v>2323</v>
      </c>
    </row>
    <row r="47" spans="1:11" ht="20.100000000000001" customHeight="1">
      <c r="A47" s="17" t="s">
        <v>91</v>
      </c>
      <c r="B47" s="17"/>
      <c r="C47" s="13">
        <v>44166</v>
      </c>
      <c r="D47" s="14">
        <v>23041</v>
      </c>
      <c r="E47" s="14">
        <v>21125</v>
      </c>
      <c r="F47" s="14"/>
      <c r="G47" s="18" t="s">
        <v>92</v>
      </c>
      <c r="H47" s="17"/>
      <c r="I47" s="13">
        <v>14596</v>
      </c>
      <c r="J47" s="14">
        <v>5550</v>
      </c>
      <c r="K47" s="14">
        <v>9046</v>
      </c>
    </row>
    <row r="48" spans="1:11" ht="15" customHeight="1">
      <c r="A48" s="17" t="s">
        <v>93</v>
      </c>
      <c r="B48" s="17"/>
      <c r="C48" s="13">
        <v>8571</v>
      </c>
      <c r="D48" s="19">
        <v>4414</v>
      </c>
      <c r="E48" s="19">
        <v>4157</v>
      </c>
      <c r="F48" s="19"/>
      <c r="G48" s="18" t="s">
        <v>94</v>
      </c>
      <c r="H48" s="17"/>
      <c r="I48" s="13">
        <v>3822</v>
      </c>
      <c r="J48" s="19">
        <v>1535</v>
      </c>
      <c r="K48" s="19">
        <v>2287</v>
      </c>
    </row>
    <row r="49" spans="1:11" ht="15" customHeight="1">
      <c r="A49" s="17" t="s">
        <v>95</v>
      </c>
      <c r="B49" s="17"/>
      <c r="C49" s="13">
        <v>8475</v>
      </c>
      <c r="D49" s="19">
        <v>4401</v>
      </c>
      <c r="E49" s="19">
        <v>4074</v>
      </c>
      <c r="F49" s="19"/>
      <c r="G49" s="18" t="s">
        <v>96</v>
      </c>
      <c r="H49" s="17"/>
      <c r="I49" s="13">
        <v>3324</v>
      </c>
      <c r="J49" s="19">
        <v>1300</v>
      </c>
      <c r="K49" s="19">
        <v>2024</v>
      </c>
    </row>
    <row r="50" spans="1:11" ht="15" customHeight="1">
      <c r="A50" s="17" t="s">
        <v>97</v>
      </c>
      <c r="B50" s="17"/>
      <c r="C50" s="13">
        <v>8793</v>
      </c>
      <c r="D50" s="19">
        <v>4628</v>
      </c>
      <c r="E50" s="19">
        <v>4165</v>
      </c>
      <c r="F50" s="19"/>
      <c r="G50" s="18" t="s">
        <v>98</v>
      </c>
      <c r="H50" s="17"/>
      <c r="I50" s="13">
        <v>2781</v>
      </c>
      <c r="J50" s="19">
        <v>1062</v>
      </c>
      <c r="K50" s="19">
        <v>1719</v>
      </c>
    </row>
    <row r="51" spans="1:11" ht="15" customHeight="1">
      <c r="A51" s="17" t="s">
        <v>99</v>
      </c>
      <c r="B51" s="17"/>
      <c r="C51" s="13">
        <v>8935</v>
      </c>
      <c r="D51" s="19">
        <v>4707</v>
      </c>
      <c r="E51" s="19">
        <v>4228</v>
      </c>
      <c r="F51" s="19"/>
      <c r="G51" s="18" t="s">
        <v>100</v>
      </c>
      <c r="H51" s="17"/>
      <c r="I51" s="13">
        <v>2557</v>
      </c>
      <c r="J51" s="19">
        <v>933</v>
      </c>
      <c r="K51" s="19">
        <v>1624</v>
      </c>
    </row>
    <row r="52" spans="1:11" ht="15" customHeight="1">
      <c r="A52" s="17" t="s">
        <v>101</v>
      </c>
      <c r="B52" s="17"/>
      <c r="C52" s="13">
        <v>9392</v>
      </c>
      <c r="D52" s="19">
        <v>4891</v>
      </c>
      <c r="E52" s="19">
        <v>4501</v>
      </c>
      <c r="F52" s="19"/>
      <c r="G52" s="18" t="s">
        <v>102</v>
      </c>
      <c r="H52" s="17"/>
      <c r="I52" s="13">
        <v>2112</v>
      </c>
      <c r="J52" s="19">
        <v>720</v>
      </c>
      <c r="K52" s="19">
        <v>1392</v>
      </c>
    </row>
    <row r="53" spans="1:11" ht="20.100000000000001" customHeight="1">
      <c r="A53" s="17" t="s">
        <v>103</v>
      </c>
      <c r="B53" s="17"/>
      <c r="C53" s="13">
        <v>53534</v>
      </c>
      <c r="D53" s="14">
        <v>27908</v>
      </c>
      <c r="E53" s="14">
        <v>25626</v>
      </c>
      <c r="F53" s="14"/>
      <c r="G53" s="18" t="s">
        <v>104</v>
      </c>
      <c r="H53" s="17"/>
      <c r="I53" s="13">
        <v>6285</v>
      </c>
      <c r="J53" s="14">
        <v>1802</v>
      </c>
      <c r="K53" s="14">
        <v>4483</v>
      </c>
    </row>
    <row r="54" spans="1:11" ht="15" customHeight="1">
      <c r="A54" s="17" t="s">
        <v>105</v>
      </c>
      <c r="B54" s="17"/>
      <c r="C54" s="13">
        <v>9898</v>
      </c>
      <c r="D54" s="19">
        <v>5112</v>
      </c>
      <c r="E54" s="19">
        <v>4786</v>
      </c>
      <c r="F54" s="19"/>
      <c r="G54" s="18" t="s">
        <v>106</v>
      </c>
      <c r="H54" s="17"/>
      <c r="I54" s="13">
        <v>1866</v>
      </c>
      <c r="J54" s="19">
        <v>576</v>
      </c>
      <c r="K54" s="19">
        <v>1290</v>
      </c>
    </row>
    <row r="55" spans="1:11" ht="15" customHeight="1">
      <c r="A55" s="17" t="s">
        <v>107</v>
      </c>
      <c r="B55" s="17"/>
      <c r="C55" s="13">
        <v>10178</v>
      </c>
      <c r="D55" s="19">
        <v>5238</v>
      </c>
      <c r="E55" s="19">
        <v>4940</v>
      </c>
      <c r="F55" s="19"/>
      <c r="G55" s="18" t="s">
        <v>108</v>
      </c>
      <c r="H55" s="17"/>
      <c r="I55" s="13">
        <v>1438</v>
      </c>
      <c r="J55" s="19">
        <v>451</v>
      </c>
      <c r="K55" s="19">
        <v>987</v>
      </c>
    </row>
    <row r="56" spans="1:11" ht="15" customHeight="1">
      <c r="A56" s="17" t="s">
        <v>109</v>
      </c>
      <c r="B56" s="17"/>
      <c r="C56" s="13">
        <v>10528</v>
      </c>
      <c r="D56" s="19">
        <v>5559</v>
      </c>
      <c r="E56" s="19">
        <v>4969</v>
      </c>
      <c r="F56" s="19"/>
      <c r="G56" s="18" t="s">
        <v>110</v>
      </c>
      <c r="H56" s="17"/>
      <c r="I56" s="13">
        <v>1261</v>
      </c>
      <c r="J56" s="19">
        <v>362</v>
      </c>
      <c r="K56" s="19">
        <v>899</v>
      </c>
    </row>
    <row r="57" spans="1:11" ht="15" customHeight="1">
      <c r="A57" s="17" t="s">
        <v>111</v>
      </c>
      <c r="B57" s="17"/>
      <c r="C57" s="13">
        <v>10978</v>
      </c>
      <c r="D57" s="19">
        <v>5697</v>
      </c>
      <c r="E57" s="19">
        <v>5281</v>
      </c>
      <c r="F57" s="19"/>
      <c r="G57" s="18" t="s">
        <v>112</v>
      </c>
      <c r="H57" s="17"/>
      <c r="I57" s="13">
        <v>962</v>
      </c>
      <c r="J57" s="19">
        <v>241</v>
      </c>
      <c r="K57" s="19">
        <v>721</v>
      </c>
    </row>
    <row r="58" spans="1:11" ht="15" customHeight="1">
      <c r="A58" s="17" t="s">
        <v>113</v>
      </c>
      <c r="B58" s="17"/>
      <c r="C58" s="13">
        <v>11952</v>
      </c>
      <c r="D58" s="19">
        <v>6302</v>
      </c>
      <c r="E58" s="19">
        <v>5650</v>
      </c>
      <c r="F58" s="19"/>
      <c r="G58" s="18" t="s">
        <v>114</v>
      </c>
      <c r="H58" s="17"/>
      <c r="I58" s="13">
        <v>758</v>
      </c>
      <c r="J58" s="19">
        <v>172</v>
      </c>
      <c r="K58" s="19">
        <v>586</v>
      </c>
    </row>
    <row r="59" spans="1:11" ht="20.100000000000001" customHeight="1">
      <c r="A59" s="17" t="s">
        <v>115</v>
      </c>
      <c r="B59" s="17"/>
      <c r="C59" s="13">
        <v>60900</v>
      </c>
      <c r="D59" s="14">
        <v>31562</v>
      </c>
      <c r="E59" s="14">
        <v>29338</v>
      </c>
      <c r="F59" s="14"/>
      <c r="G59" s="18" t="s">
        <v>116</v>
      </c>
      <c r="H59" s="17"/>
      <c r="I59" s="13">
        <v>1778</v>
      </c>
      <c r="J59" s="14">
        <v>290</v>
      </c>
      <c r="K59" s="14">
        <v>1488</v>
      </c>
    </row>
    <row r="60" spans="1:11" ht="15" customHeight="1">
      <c r="A60" s="17" t="s">
        <v>117</v>
      </c>
      <c r="B60" s="17"/>
      <c r="C60" s="13">
        <v>12442</v>
      </c>
      <c r="D60" s="19">
        <v>6399</v>
      </c>
      <c r="E60" s="19">
        <v>6043</v>
      </c>
      <c r="F60" s="19"/>
      <c r="G60" s="18" t="s">
        <v>118</v>
      </c>
      <c r="H60" s="17"/>
      <c r="I60" s="13">
        <v>619</v>
      </c>
      <c r="J60" s="19">
        <v>114</v>
      </c>
      <c r="K60" s="19">
        <v>505</v>
      </c>
    </row>
    <row r="61" spans="1:11" ht="15" customHeight="1">
      <c r="A61" s="17" t="s">
        <v>119</v>
      </c>
      <c r="B61" s="17"/>
      <c r="C61" s="13">
        <v>12269</v>
      </c>
      <c r="D61" s="19">
        <v>6376</v>
      </c>
      <c r="E61" s="19">
        <v>5893</v>
      </c>
      <c r="F61" s="19"/>
      <c r="G61" s="18" t="s">
        <v>120</v>
      </c>
      <c r="H61" s="17"/>
      <c r="I61" s="13">
        <v>396</v>
      </c>
      <c r="J61" s="19">
        <v>65</v>
      </c>
      <c r="K61" s="19">
        <v>331</v>
      </c>
    </row>
    <row r="62" spans="1:11" ht="15" customHeight="1">
      <c r="A62" s="17" t="s">
        <v>121</v>
      </c>
      <c r="B62" s="17"/>
      <c r="C62" s="13">
        <v>12427</v>
      </c>
      <c r="D62" s="19">
        <v>6430</v>
      </c>
      <c r="E62" s="19">
        <v>5997</v>
      </c>
      <c r="F62" s="19"/>
      <c r="G62" s="18" t="s">
        <v>122</v>
      </c>
      <c r="H62" s="17"/>
      <c r="I62" s="13">
        <v>341</v>
      </c>
      <c r="J62" s="19">
        <v>46</v>
      </c>
      <c r="K62" s="19">
        <v>295</v>
      </c>
    </row>
    <row r="63" spans="1:11" ht="15" customHeight="1">
      <c r="A63" s="17" t="s">
        <v>123</v>
      </c>
      <c r="B63" s="17"/>
      <c r="C63" s="13">
        <v>12074</v>
      </c>
      <c r="D63" s="19">
        <v>6265</v>
      </c>
      <c r="E63" s="19">
        <v>5809</v>
      </c>
      <c r="F63" s="19"/>
      <c r="G63" s="18" t="s">
        <v>124</v>
      </c>
      <c r="H63" s="17"/>
      <c r="I63" s="13">
        <v>241</v>
      </c>
      <c r="J63" s="19">
        <v>39</v>
      </c>
      <c r="K63" s="19">
        <v>202</v>
      </c>
    </row>
    <row r="64" spans="1:11" ht="15" customHeight="1">
      <c r="A64" s="17" t="s">
        <v>125</v>
      </c>
      <c r="B64" s="17"/>
      <c r="C64" s="13">
        <v>11688</v>
      </c>
      <c r="D64" s="19">
        <v>6092</v>
      </c>
      <c r="E64" s="19">
        <v>5596</v>
      </c>
      <c r="F64" s="19"/>
      <c r="G64" s="18" t="s">
        <v>126</v>
      </c>
      <c r="H64" s="17"/>
      <c r="I64" s="13">
        <v>181</v>
      </c>
      <c r="J64" s="19">
        <v>26</v>
      </c>
      <c r="K64" s="19">
        <v>15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33</v>
      </c>
      <c r="J65" s="19">
        <v>56</v>
      </c>
      <c r="K65" s="19">
        <v>27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069</v>
      </c>
      <c r="J66" s="29">
        <v>3355</v>
      </c>
      <c r="K66" s="29">
        <v>2714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6" pageOrder="overThenDown" orientation="portrait" blackAndWhite="1" useFirstPageNumber="1" horizontalDpi="300" verticalDpi="300"/>
  <headerFooter scaleWithDoc="0"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1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1602</v>
      </c>
      <c r="D4" s="14">
        <v>86489</v>
      </c>
      <c r="E4" s="14">
        <v>8511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948</v>
      </c>
      <c r="D5" s="14">
        <v>3044</v>
      </c>
      <c r="E5" s="14">
        <v>2904</v>
      </c>
      <c r="F5" s="14"/>
      <c r="G5" s="18" t="s">
        <v>8</v>
      </c>
      <c r="H5" s="17"/>
      <c r="I5" s="13">
        <v>11745</v>
      </c>
      <c r="J5" s="14">
        <v>6097</v>
      </c>
      <c r="K5" s="14">
        <v>5648</v>
      </c>
    </row>
    <row r="6" spans="1:11" ht="15" customHeight="1">
      <c r="A6" s="17" t="s">
        <v>9</v>
      </c>
      <c r="B6" s="17"/>
      <c r="C6" s="13">
        <v>1132</v>
      </c>
      <c r="D6" s="19">
        <v>589</v>
      </c>
      <c r="E6" s="19">
        <v>543</v>
      </c>
      <c r="F6" s="19"/>
      <c r="G6" s="18" t="s">
        <v>10</v>
      </c>
      <c r="H6" s="17"/>
      <c r="I6" s="13">
        <v>2473</v>
      </c>
      <c r="J6" s="19">
        <v>1282</v>
      </c>
      <c r="K6" s="19">
        <v>1191</v>
      </c>
    </row>
    <row r="7" spans="1:11" ht="15" customHeight="1">
      <c r="A7" s="17" t="s">
        <v>11</v>
      </c>
      <c r="B7" s="17"/>
      <c r="C7" s="13">
        <v>1167</v>
      </c>
      <c r="D7" s="19">
        <v>590</v>
      </c>
      <c r="E7" s="19">
        <v>577</v>
      </c>
      <c r="F7" s="19"/>
      <c r="G7" s="18" t="s">
        <v>12</v>
      </c>
      <c r="H7" s="17"/>
      <c r="I7" s="13">
        <v>2650</v>
      </c>
      <c r="J7" s="19">
        <v>1402</v>
      </c>
      <c r="K7" s="19">
        <v>1248</v>
      </c>
    </row>
    <row r="8" spans="1:11" ht="15" customHeight="1">
      <c r="A8" s="17" t="s">
        <v>13</v>
      </c>
      <c r="B8" s="17"/>
      <c r="C8" s="13">
        <v>1217</v>
      </c>
      <c r="D8" s="19">
        <v>629</v>
      </c>
      <c r="E8" s="19">
        <v>588</v>
      </c>
      <c r="F8" s="19"/>
      <c r="G8" s="18" t="s">
        <v>14</v>
      </c>
      <c r="H8" s="17"/>
      <c r="I8" s="13">
        <v>1883</v>
      </c>
      <c r="J8" s="19">
        <v>979</v>
      </c>
      <c r="K8" s="19">
        <v>904</v>
      </c>
    </row>
    <row r="9" spans="1:11" ht="15" customHeight="1">
      <c r="A9" s="17" t="s">
        <v>15</v>
      </c>
      <c r="B9" s="17"/>
      <c r="C9" s="13">
        <v>1180</v>
      </c>
      <c r="D9" s="19">
        <v>615</v>
      </c>
      <c r="E9" s="19">
        <v>565</v>
      </c>
      <c r="F9" s="19"/>
      <c r="G9" s="18" t="s">
        <v>16</v>
      </c>
      <c r="H9" s="17"/>
      <c r="I9" s="13">
        <v>2460</v>
      </c>
      <c r="J9" s="19">
        <v>1264</v>
      </c>
      <c r="K9" s="19">
        <v>1196</v>
      </c>
    </row>
    <row r="10" spans="1:11" ht="15" customHeight="1">
      <c r="A10" s="17" t="s">
        <v>17</v>
      </c>
      <c r="B10" s="17"/>
      <c r="C10" s="13">
        <v>1252</v>
      </c>
      <c r="D10" s="19">
        <v>621</v>
      </c>
      <c r="E10" s="19">
        <v>631</v>
      </c>
      <c r="F10" s="19"/>
      <c r="G10" s="18" t="s">
        <v>18</v>
      </c>
      <c r="H10" s="17"/>
      <c r="I10" s="13">
        <v>2279</v>
      </c>
      <c r="J10" s="19">
        <v>1170</v>
      </c>
      <c r="K10" s="19">
        <v>1109</v>
      </c>
    </row>
    <row r="11" spans="1:11" ht="20.100000000000001" customHeight="1">
      <c r="A11" s="17" t="s">
        <v>19</v>
      </c>
      <c r="B11" s="17"/>
      <c r="C11" s="13">
        <v>6732</v>
      </c>
      <c r="D11" s="14">
        <v>3354</v>
      </c>
      <c r="E11" s="14">
        <v>3378</v>
      </c>
      <c r="F11" s="14"/>
      <c r="G11" s="18" t="s">
        <v>20</v>
      </c>
      <c r="H11" s="17"/>
      <c r="I11" s="13">
        <v>9989</v>
      </c>
      <c r="J11" s="14">
        <v>5129</v>
      </c>
      <c r="K11" s="14">
        <v>4860</v>
      </c>
    </row>
    <row r="12" spans="1:11" ht="15" customHeight="1">
      <c r="A12" s="17" t="s">
        <v>21</v>
      </c>
      <c r="B12" s="17"/>
      <c r="C12" s="13">
        <v>1268</v>
      </c>
      <c r="D12" s="19">
        <v>619</v>
      </c>
      <c r="E12" s="19">
        <v>649</v>
      </c>
      <c r="F12" s="19"/>
      <c r="G12" s="18" t="s">
        <v>22</v>
      </c>
      <c r="H12" s="17"/>
      <c r="I12" s="13">
        <v>2098</v>
      </c>
      <c r="J12" s="19">
        <v>1070</v>
      </c>
      <c r="K12" s="19">
        <v>1028</v>
      </c>
    </row>
    <row r="13" spans="1:11" ht="15" customHeight="1">
      <c r="A13" s="17" t="s">
        <v>23</v>
      </c>
      <c r="B13" s="17"/>
      <c r="C13" s="13">
        <v>1351</v>
      </c>
      <c r="D13" s="19">
        <v>681</v>
      </c>
      <c r="E13" s="19">
        <v>670</v>
      </c>
      <c r="F13" s="19"/>
      <c r="G13" s="18" t="s">
        <v>24</v>
      </c>
      <c r="H13" s="17"/>
      <c r="I13" s="13">
        <v>2074</v>
      </c>
      <c r="J13" s="19">
        <v>1095</v>
      </c>
      <c r="K13" s="19">
        <v>979</v>
      </c>
    </row>
    <row r="14" spans="1:11" ht="15" customHeight="1">
      <c r="A14" s="17" t="s">
        <v>25</v>
      </c>
      <c r="B14" s="17"/>
      <c r="C14" s="13">
        <v>1341</v>
      </c>
      <c r="D14" s="19">
        <v>692</v>
      </c>
      <c r="E14" s="19">
        <v>649</v>
      </c>
      <c r="F14" s="19"/>
      <c r="G14" s="18" t="s">
        <v>26</v>
      </c>
      <c r="H14" s="17"/>
      <c r="I14" s="13">
        <v>1966</v>
      </c>
      <c r="J14" s="19">
        <v>1016</v>
      </c>
      <c r="K14" s="19">
        <v>950</v>
      </c>
    </row>
    <row r="15" spans="1:11" ht="15" customHeight="1">
      <c r="A15" s="17" t="s">
        <v>27</v>
      </c>
      <c r="B15" s="17"/>
      <c r="C15" s="13">
        <v>1349</v>
      </c>
      <c r="D15" s="19">
        <v>664</v>
      </c>
      <c r="E15" s="19">
        <v>685</v>
      </c>
      <c r="F15" s="19"/>
      <c r="G15" s="18" t="s">
        <v>28</v>
      </c>
      <c r="H15" s="17"/>
      <c r="I15" s="13">
        <v>1902</v>
      </c>
      <c r="J15" s="19">
        <v>966</v>
      </c>
      <c r="K15" s="19">
        <v>936</v>
      </c>
    </row>
    <row r="16" spans="1:11" ht="15" customHeight="1">
      <c r="A16" s="17" t="s">
        <v>29</v>
      </c>
      <c r="B16" s="17"/>
      <c r="C16" s="13">
        <v>1423</v>
      </c>
      <c r="D16" s="19">
        <v>698</v>
      </c>
      <c r="E16" s="19">
        <v>725</v>
      </c>
      <c r="F16" s="19"/>
      <c r="G16" s="18" t="s">
        <v>30</v>
      </c>
      <c r="H16" s="17"/>
      <c r="I16" s="13">
        <v>1949</v>
      </c>
      <c r="J16" s="19">
        <v>982</v>
      </c>
      <c r="K16" s="19">
        <v>967</v>
      </c>
    </row>
    <row r="17" spans="1:11" ht="20.100000000000001" customHeight="1">
      <c r="A17" s="20" t="s">
        <v>31</v>
      </c>
      <c r="B17" s="20"/>
      <c r="C17" s="13">
        <v>7237</v>
      </c>
      <c r="D17" s="14">
        <v>3656</v>
      </c>
      <c r="E17" s="14">
        <v>3581</v>
      </c>
      <c r="F17" s="14"/>
      <c r="G17" s="18" t="s">
        <v>32</v>
      </c>
      <c r="H17" s="17"/>
      <c r="I17" s="13">
        <v>10128</v>
      </c>
      <c r="J17" s="14">
        <v>5079</v>
      </c>
      <c r="K17" s="14">
        <v>5049</v>
      </c>
    </row>
    <row r="18" spans="1:11" ht="15" customHeight="1">
      <c r="A18" s="17" t="s">
        <v>33</v>
      </c>
      <c r="B18" s="17"/>
      <c r="C18" s="13">
        <v>1399</v>
      </c>
      <c r="D18" s="19">
        <v>706</v>
      </c>
      <c r="E18" s="19">
        <v>693</v>
      </c>
      <c r="F18" s="19">
        <v>693</v>
      </c>
      <c r="G18" s="18" t="s">
        <v>34</v>
      </c>
      <c r="H18" s="17"/>
      <c r="I18" s="13">
        <v>1970</v>
      </c>
      <c r="J18" s="19">
        <v>979</v>
      </c>
      <c r="K18" s="19">
        <v>991</v>
      </c>
    </row>
    <row r="19" spans="1:11" ht="15" customHeight="1">
      <c r="A19" s="17" t="s">
        <v>35</v>
      </c>
      <c r="B19" s="17"/>
      <c r="C19" s="13">
        <v>1475</v>
      </c>
      <c r="D19" s="19">
        <v>751</v>
      </c>
      <c r="E19" s="19">
        <v>724</v>
      </c>
      <c r="F19" s="19">
        <v>724</v>
      </c>
      <c r="G19" s="18" t="s">
        <v>36</v>
      </c>
      <c r="H19" s="17"/>
      <c r="I19" s="13">
        <v>1893</v>
      </c>
      <c r="J19" s="19">
        <v>969</v>
      </c>
      <c r="K19" s="19">
        <v>924</v>
      </c>
    </row>
    <row r="20" spans="1:11" ht="15" customHeight="1">
      <c r="A20" s="17" t="s">
        <v>37</v>
      </c>
      <c r="B20" s="17"/>
      <c r="C20" s="13">
        <v>1418</v>
      </c>
      <c r="D20" s="19">
        <v>727</v>
      </c>
      <c r="E20" s="19">
        <v>691</v>
      </c>
      <c r="F20" s="19">
        <v>691</v>
      </c>
      <c r="G20" s="18" t="s">
        <v>38</v>
      </c>
      <c r="H20" s="17"/>
      <c r="I20" s="13">
        <v>2018</v>
      </c>
      <c r="J20" s="19">
        <v>1024</v>
      </c>
      <c r="K20" s="19">
        <v>994</v>
      </c>
    </row>
    <row r="21" spans="1:11" ht="15" customHeight="1">
      <c r="A21" s="17" t="s">
        <v>39</v>
      </c>
      <c r="B21" s="17"/>
      <c r="C21" s="13">
        <v>1500</v>
      </c>
      <c r="D21" s="19">
        <v>730</v>
      </c>
      <c r="E21" s="19">
        <v>770</v>
      </c>
      <c r="F21" s="19">
        <v>770</v>
      </c>
      <c r="G21" s="18" t="s">
        <v>40</v>
      </c>
      <c r="H21" s="17"/>
      <c r="I21" s="13">
        <v>2054</v>
      </c>
      <c r="J21" s="19">
        <v>1025</v>
      </c>
      <c r="K21" s="19">
        <v>1029</v>
      </c>
    </row>
    <row r="22" spans="1:11" ht="15" customHeight="1">
      <c r="A22" s="17" t="s">
        <v>41</v>
      </c>
      <c r="B22" s="17"/>
      <c r="C22" s="13">
        <v>1445</v>
      </c>
      <c r="D22" s="19">
        <v>742</v>
      </c>
      <c r="E22" s="19">
        <v>703</v>
      </c>
      <c r="F22" s="19">
        <v>703</v>
      </c>
      <c r="G22" s="18" t="s">
        <v>42</v>
      </c>
      <c r="H22" s="17"/>
      <c r="I22" s="13">
        <v>2193</v>
      </c>
      <c r="J22" s="19">
        <v>1082</v>
      </c>
      <c r="K22" s="19">
        <v>1111</v>
      </c>
    </row>
    <row r="23" spans="1:11" ht="20.100000000000001" customHeight="1">
      <c r="A23" s="17" t="s">
        <v>43</v>
      </c>
      <c r="B23" s="17"/>
      <c r="C23" s="13">
        <v>7983</v>
      </c>
      <c r="D23" s="14">
        <v>4136</v>
      </c>
      <c r="E23" s="14">
        <v>3847</v>
      </c>
      <c r="F23" s="14"/>
      <c r="G23" s="18" t="s">
        <v>44</v>
      </c>
      <c r="H23" s="17"/>
      <c r="I23" s="13">
        <v>13347</v>
      </c>
      <c r="J23" s="14">
        <v>6479</v>
      </c>
      <c r="K23" s="14">
        <v>6868</v>
      </c>
    </row>
    <row r="24" spans="1:11" ht="15" customHeight="1">
      <c r="A24" s="17" t="s">
        <v>45</v>
      </c>
      <c r="B24" s="17"/>
      <c r="C24" s="13">
        <v>1523</v>
      </c>
      <c r="D24" s="19">
        <v>803</v>
      </c>
      <c r="E24" s="19">
        <v>720</v>
      </c>
      <c r="F24" s="19"/>
      <c r="G24" s="18" t="s">
        <v>46</v>
      </c>
      <c r="H24" s="17"/>
      <c r="I24" s="13">
        <v>2145</v>
      </c>
      <c r="J24" s="19">
        <v>1038</v>
      </c>
      <c r="K24" s="19">
        <v>1107</v>
      </c>
    </row>
    <row r="25" spans="1:11" ht="15" customHeight="1">
      <c r="A25" s="17" t="s">
        <v>47</v>
      </c>
      <c r="B25" s="17"/>
      <c r="C25" s="13">
        <v>1517</v>
      </c>
      <c r="D25" s="19">
        <v>789</v>
      </c>
      <c r="E25" s="19">
        <v>728</v>
      </c>
      <c r="F25" s="19"/>
      <c r="G25" s="18" t="s">
        <v>48</v>
      </c>
      <c r="H25" s="17"/>
      <c r="I25" s="13">
        <v>2495</v>
      </c>
      <c r="J25" s="19">
        <v>1190</v>
      </c>
      <c r="K25" s="19">
        <v>1305</v>
      </c>
    </row>
    <row r="26" spans="1:11" ht="15" customHeight="1">
      <c r="A26" s="17" t="s">
        <v>49</v>
      </c>
      <c r="B26" s="17"/>
      <c r="C26" s="13">
        <v>1581</v>
      </c>
      <c r="D26" s="19">
        <v>800</v>
      </c>
      <c r="E26" s="19">
        <v>781</v>
      </c>
      <c r="F26" s="19"/>
      <c r="G26" s="18" t="s">
        <v>50</v>
      </c>
      <c r="H26" s="17"/>
      <c r="I26" s="13">
        <v>2661</v>
      </c>
      <c r="J26" s="19">
        <v>1328</v>
      </c>
      <c r="K26" s="19">
        <v>1333</v>
      </c>
    </row>
    <row r="27" spans="1:11" ht="15" customHeight="1">
      <c r="A27" s="17" t="s">
        <v>51</v>
      </c>
      <c r="B27" s="17"/>
      <c r="C27" s="13">
        <v>1642</v>
      </c>
      <c r="D27" s="19">
        <v>849</v>
      </c>
      <c r="E27" s="19">
        <v>793</v>
      </c>
      <c r="F27" s="19"/>
      <c r="G27" s="18" t="s">
        <v>52</v>
      </c>
      <c r="H27" s="17"/>
      <c r="I27" s="13">
        <v>2882</v>
      </c>
      <c r="J27" s="19">
        <v>1409</v>
      </c>
      <c r="K27" s="19">
        <v>1473</v>
      </c>
    </row>
    <row r="28" spans="1:11" ht="15" customHeight="1">
      <c r="A28" s="17" t="s">
        <v>53</v>
      </c>
      <c r="B28" s="17"/>
      <c r="C28" s="13">
        <v>1720</v>
      </c>
      <c r="D28" s="19">
        <v>895</v>
      </c>
      <c r="E28" s="19">
        <v>825</v>
      </c>
      <c r="F28" s="19"/>
      <c r="G28" s="18" t="s">
        <v>54</v>
      </c>
      <c r="H28" s="17"/>
      <c r="I28" s="13">
        <v>3164</v>
      </c>
      <c r="J28" s="19">
        <v>1514</v>
      </c>
      <c r="K28" s="19">
        <v>1650</v>
      </c>
    </row>
    <row r="29" spans="1:11" ht="20.100000000000001" customHeight="1">
      <c r="A29" s="17" t="s">
        <v>55</v>
      </c>
      <c r="B29" s="17"/>
      <c r="C29" s="13">
        <v>9765</v>
      </c>
      <c r="D29" s="14">
        <v>5190</v>
      </c>
      <c r="E29" s="14">
        <v>4575</v>
      </c>
      <c r="F29" s="14"/>
      <c r="G29" s="18" t="s">
        <v>56</v>
      </c>
      <c r="H29" s="17"/>
      <c r="I29" s="13">
        <v>12280</v>
      </c>
      <c r="J29" s="14">
        <v>5910</v>
      </c>
      <c r="K29" s="14">
        <v>6370</v>
      </c>
    </row>
    <row r="30" spans="1:11" ht="15" customHeight="1">
      <c r="A30" s="17" t="s">
        <v>57</v>
      </c>
      <c r="B30" s="17"/>
      <c r="C30" s="13">
        <v>1834</v>
      </c>
      <c r="D30" s="19">
        <v>989</v>
      </c>
      <c r="E30" s="19">
        <v>845</v>
      </c>
      <c r="F30" s="19"/>
      <c r="G30" s="18" t="s">
        <v>58</v>
      </c>
      <c r="H30" s="17"/>
      <c r="I30" s="13">
        <v>3070</v>
      </c>
      <c r="J30" s="19">
        <v>1448</v>
      </c>
      <c r="K30" s="19">
        <v>1622</v>
      </c>
    </row>
    <row r="31" spans="1:11" ht="15" customHeight="1">
      <c r="A31" s="17" t="s">
        <v>59</v>
      </c>
      <c r="B31" s="17"/>
      <c r="C31" s="13">
        <v>1925</v>
      </c>
      <c r="D31" s="19">
        <v>1012</v>
      </c>
      <c r="E31" s="19">
        <v>913</v>
      </c>
      <c r="F31" s="19"/>
      <c r="G31" s="18" t="s">
        <v>60</v>
      </c>
      <c r="H31" s="17"/>
      <c r="I31" s="13">
        <v>2956</v>
      </c>
      <c r="J31" s="19">
        <v>1458</v>
      </c>
      <c r="K31" s="19">
        <v>1498</v>
      </c>
    </row>
    <row r="32" spans="1:11" ht="15" customHeight="1">
      <c r="A32" s="17" t="s">
        <v>61</v>
      </c>
      <c r="B32" s="17"/>
      <c r="C32" s="13">
        <v>1969</v>
      </c>
      <c r="D32" s="19">
        <v>1068</v>
      </c>
      <c r="E32" s="19">
        <v>901</v>
      </c>
      <c r="F32" s="19"/>
      <c r="G32" s="18" t="s">
        <v>62</v>
      </c>
      <c r="H32" s="17"/>
      <c r="I32" s="13">
        <v>2135</v>
      </c>
      <c r="J32" s="19">
        <v>1023</v>
      </c>
      <c r="K32" s="19">
        <v>1112</v>
      </c>
    </row>
    <row r="33" spans="1:11" ht="15" customHeight="1">
      <c r="A33" s="17" t="s">
        <v>63</v>
      </c>
      <c r="B33" s="17"/>
      <c r="C33" s="13">
        <v>1989</v>
      </c>
      <c r="D33" s="19">
        <v>1060</v>
      </c>
      <c r="E33" s="19">
        <v>929</v>
      </c>
      <c r="F33" s="19"/>
      <c r="G33" s="18" t="s">
        <v>64</v>
      </c>
      <c r="H33" s="17"/>
      <c r="I33" s="13">
        <v>1889</v>
      </c>
      <c r="J33" s="19">
        <v>913</v>
      </c>
      <c r="K33" s="19">
        <v>976</v>
      </c>
    </row>
    <row r="34" spans="1:11" ht="15" customHeight="1">
      <c r="A34" s="17" t="s">
        <v>65</v>
      </c>
      <c r="B34" s="17"/>
      <c r="C34" s="13">
        <v>2048</v>
      </c>
      <c r="D34" s="19">
        <v>1061</v>
      </c>
      <c r="E34" s="19">
        <v>987</v>
      </c>
      <c r="F34" s="19"/>
      <c r="G34" s="18" t="s">
        <v>66</v>
      </c>
      <c r="H34" s="17"/>
      <c r="I34" s="13">
        <v>2230</v>
      </c>
      <c r="J34" s="19">
        <v>1068</v>
      </c>
      <c r="K34" s="19">
        <v>1162</v>
      </c>
    </row>
    <row r="35" spans="1:11" ht="20.100000000000001" customHeight="1">
      <c r="A35" s="17" t="s">
        <v>67</v>
      </c>
      <c r="B35" s="17"/>
      <c r="C35" s="13">
        <v>8570</v>
      </c>
      <c r="D35" s="14">
        <v>4594</v>
      </c>
      <c r="E35" s="14">
        <v>3976</v>
      </c>
      <c r="F35" s="14"/>
      <c r="G35" s="18" t="s">
        <v>68</v>
      </c>
      <c r="H35" s="17"/>
      <c r="I35" s="13">
        <v>9980</v>
      </c>
      <c r="J35" s="14">
        <v>4981</v>
      </c>
      <c r="K35" s="14">
        <v>4999</v>
      </c>
    </row>
    <row r="36" spans="1:11" ht="15" customHeight="1">
      <c r="A36" s="17" t="s">
        <v>69</v>
      </c>
      <c r="B36" s="17"/>
      <c r="C36" s="13">
        <v>1889</v>
      </c>
      <c r="D36" s="19">
        <v>1006</v>
      </c>
      <c r="E36" s="19">
        <v>883</v>
      </c>
      <c r="F36" s="19"/>
      <c r="G36" s="18" t="s">
        <v>70</v>
      </c>
      <c r="H36" s="17"/>
      <c r="I36" s="13">
        <v>2388</v>
      </c>
      <c r="J36" s="19">
        <v>1204</v>
      </c>
      <c r="K36" s="19">
        <v>1184</v>
      </c>
    </row>
    <row r="37" spans="1:11" ht="15" customHeight="1">
      <c r="A37" s="17" t="s">
        <v>71</v>
      </c>
      <c r="B37" s="17"/>
      <c r="C37" s="13">
        <v>1766</v>
      </c>
      <c r="D37" s="19">
        <v>958</v>
      </c>
      <c r="E37" s="19">
        <v>808</v>
      </c>
      <c r="F37" s="19"/>
      <c r="G37" s="18" t="s">
        <v>72</v>
      </c>
      <c r="H37" s="17"/>
      <c r="I37" s="13">
        <v>2116</v>
      </c>
      <c r="J37" s="19">
        <v>1054</v>
      </c>
      <c r="K37" s="19">
        <v>1062</v>
      </c>
    </row>
    <row r="38" spans="1:11" ht="15" customHeight="1">
      <c r="A38" s="17" t="s">
        <v>73</v>
      </c>
      <c r="B38" s="17"/>
      <c r="C38" s="13">
        <v>1678</v>
      </c>
      <c r="D38" s="19">
        <v>901</v>
      </c>
      <c r="E38" s="19">
        <v>777</v>
      </c>
      <c r="F38" s="19"/>
      <c r="G38" s="18" t="s">
        <v>74</v>
      </c>
      <c r="H38" s="17"/>
      <c r="I38" s="13">
        <v>2133</v>
      </c>
      <c r="J38" s="19">
        <v>1113</v>
      </c>
      <c r="K38" s="19">
        <v>1020</v>
      </c>
    </row>
    <row r="39" spans="1:11" ht="15" customHeight="1">
      <c r="A39" s="17" t="s">
        <v>75</v>
      </c>
      <c r="B39" s="17"/>
      <c r="C39" s="13">
        <v>1601</v>
      </c>
      <c r="D39" s="19">
        <v>890</v>
      </c>
      <c r="E39" s="19">
        <v>711</v>
      </c>
      <c r="F39" s="19"/>
      <c r="G39" s="18" t="s">
        <v>76</v>
      </c>
      <c r="H39" s="17"/>
      <c r="I39" s="13">
        <v>1802</v>
      </c>
      <c r="J39" s="19">
        <v>870</v>
      </c>
      <c r="K39" s="19">
        <v>932</v>
      </c>
    </row>
    <row r="40" spans="1:11" ht="15" customHeight="1">
      <c r="A40" s="17" t="s">
        <v>77</v>
      </c>
      <c r="B40" s="17"/>
      <c r="C40" s="13">
        <v>1636</v>
      </c>
      <c r="D40" s="19">
        <v>839</v>
      </c>
      <c r="E40" s="19">
        <v>797</v>
      </c>
      <c r="F40" s="19"/>
      <c r="G40" s="18" t="s">
        <v>78</v>
      </c>
      <c r="H40" s="17"/>
      <c r="I40" s="13">
        <v>1541</v>
      </c>
      <c r="J40" s="19">
        <v>740</v>
      </c>
      <c r="K40" s="19">
        <v>801</v>
      </c>
    </row>
    <row r="41" spans="1:11" ht="20.100000000000001" customHeight="1">
      <c r="A41" s="17" t="s">
        <v>79</v>
      </c>
      <c r="B41" s="17"/>
      <c r="C41" s="13">
        <v>8868</v>
      </c>
      <c r="D41" s="14">
        <v>4661</v>
      </c>
      <c r="E41" s="14">
        <v>4207</v>
      </c>
      <c r="F41" s="14"/>
      <c r="G41" s="18" t="s">
        <v>80</v>
      </c>
      <c r="H41" s="17"/>
      <c r="I41" s="13">
        <v>5790</v>
      </c>
      <c r="J41" s="14">
        <v>2648</v>
      </c>
      <c r="K41" s="14">
        <v>3142</v>
      </c>
    </row>
    <row r="42" spans="1:11" ht="15" customHeight="1">
      <c r="A42" s="17" t="s">
        <v>81</v>
      </c>
      <c r="B42" s="17"/>
      <c r="C42" s="13">
        <v>1693</v>
      </c>
      <c r="D42" s="19">
        <v>875</v>
      </c>
      <c r="E42" s="19">
        <v>818</v>
      </c>
      <c r="F42" s="19"/>
      <c r="G42" s="18" t="s">
        <v>82</v>
      </c>
      <c r="H42" s="17"/>
      <c r="I42" s="13">
        <v>1338</v>
      </c>
      <c r="J42" s="19">
        <v>647</v>
      </c>
      <c r="K42" s="19">
        <v>691</v>
      </c>
    </row>
    <row r="43" spans="1:11" ht="15" customHeight="1">
      <c r="A43" s="17" t="s">
        <v>83</v>
      </c>
      <c r="B43" s="17"/>
      <c r="C43" s="13">
        <v>1676</v>
      </c>
      <c r="D43" s="19">
        <v>877</v>
      </c>
      <c r="E43" s="19">
        <v>799</v>
      </c>
      <c r="F43" s="19"/>
      <c r="G43" s="18" t="s">
        <v>84</v>
      </c>
      <c r="H43" s="17"/>
      <c r="I43" s="13">
        <v>1305</v>
      </c>
      <c r="J43" s="19">
        <v>624</v>
      </c>
      <c r="K43" s="19">
        <v>681</v>
      </c>
    </row>
    <row r="44" spans="1:11" ht="15" customHeight="1">
      <c r="A44" s="17" t="s">
        <v>85</v>
      </c>
      <c r="B44" s="17"/>
      <c r="C44" s="13">
        <v>1786</v>
      </c>
      <c r="D44" s="19">
        <v>954</v>
      </c>
      <c r="E44" s="19">
        <v>832</v>
      </c>
      <c r="F44" s="19"/>
      <c r="G44" s="18" t="s">
        <v>86</v>
      </c>
      <c r="H44" s="17"/>
      <c r="I44" s="13">
        <v>1131</v>
      </c>
      <c r="J44" s="19">
        <v>510</v>
      </c>
      <c r="K44" s="19">
        <v>621</v>
      </c>
    </row>
    <row r="45" spans="1:11" ht="15" customHeight="1">
      <c r="A45" s="17" t="s">
        <v>87</v>
      </c>
      <c r="B45" s="17"/>
      <c r="C45" s="13">
        <v>1752</v>
      </c>
      <c r="D45" s="19">
        <v>914</v>
      </c>
      <c r="E45" s="19">
        <v>838</v>
      </c>
      <c r="F45" s="19"/>
      <c r="G45" s="18" t="s">
        <v>88</v>
      </c>
      <c r="H45" s="17"/>
      <c r="I45" s="13">
        <v>1096</v>
      </c>
      <c r="J45" s="19">
        <v>484</v>
      </c>
      <c r="K45" s="19">
        <v>612</v>
      </c>
    </row>
    <row r="46" spans="1:11" ht="15" customHeight="1">
      <c r="A46" s="17" t="s">
        <v>89</v>
      </c>
      <c r="B46" s="17"/>
      <c r="C46" s="13">
        <v>1961</v>
      </c>
      <c r="D46" s="19">
        <v>1041</v>
      </c>
      <c r="E46" s="19">
        <v>920</v>
      </c>
      <c r="F46" s="19"/>
      <c r="G46" s="18" t="s">
        <v>90</v>
      </c>
      <c r="H46" s="17"/>
      <c r="I46" s="13">
        <v>920</v>
      </c>
      <c r="J46" s="19">
        <v>383</v>
      </c>
      <c r="K46" s="19">
        <v>537</v>
      </c>
    </row>
    <row r="47" spans="1:11" ht="20.100000000000001" customHeight="1">
      <c r="A47" s="17" t="s">
        <v>91</v>
      </c>
      <c r="B47" s="17"/>
      <c r="C47" s="13">
        <v>10053</v>
      </c>
      <c r="D47" s="14">
        <v>5262</v>
      </c>
      <c r="E47" s="14">
        <v>4791</v>
      </c>
      <c r="F47" s="14"/>
      <c r="G47" s="18" t="s">
        <v>92</v>
      </c>
      <c r="H47" s="17"/>
      <c r="I47" s="13">
        <v>3471</v>
      </c>
      <c r="J47" s="14">
        <v>1303</v>
      </c>
      <c r="K47" s="14">
        <v>2168</v>
      </c>
    </row>
    <row r="48" spans="1:11" ht="15" customHeight="1">
      <c r="A48" s="17" t="s">
        <v>93</v>
      </c>
      <c r="B48" s="17"/>
      <c r="C48" s="13">
        <v>1876</v>
      </c>
      <c r="D48" s="19">
        <v>989</v>
      </c>
      <c r="E48" s="19">
        <v>887</v>
      </c>
      <c r="F48" s="19"/>
      <c r="G48" s="18" t="s">
        <v>94</v>
      </c>
      <c r="H48" s="17"/>
      <c r="I48" s="13">
        <v>875</v>
      </c>
      <c r="J48" s="19">
        <v>342</v>
      </c>
      <c r="K48" s="19">
        <v>533</v>
      </c>
    </row>
    <row r="49" spans="1:11" ht="15" customHeight="1">
      <c r="A49" s="17" t="s">
        <v>95</v>
      </c>
      <c r="B49" s="17"/>
      <c r="C49" s="13">
        <v>1940</v>
      </c>
      <c r="D49" s="19">
        <v>999</v>
      </c>
      <c r="E49" s="19">
        <v>941</v>
      </c>
      <c r="F49" s="19"/>
      <c r="G49" s="18" t="s">
        <v>96</v>
      </c>
      <c r="H49" s="17"/>
      <c r="I49" s="13">
        <v>764</v>
      </c>
      <c r="J49" s="19">
        <v>313</v>
      </c>
      <c r="K49" s="19">
        <v>451</v>
      </c>
    </row>
    <row r="50" spans="1:11" ht="15" customHeight="1">
      <c r="A50" s="17" t="s">
        <v>97</v>
      </c>
      <c r="B50" s="17"/>
      <c r="C50" s="13">
        <v>2029</v>
      </c>
      <c r="D50" s="19">
        <v>1080</v>
      </c>
      <c r="E50" s="19">
        <v>949</v>
      </c>
      <c r="F50" s="19"/>
      <c r="G50" s="18" t="s">
        <v>98</v>
      </c>
      <c r="H50" s="17"/>
      <c r="I50" s="13">
        <v>685</v>
      </c>
      <c r="J50" s="19">
        <v>258</v>
      </c>
      <c r="K50" s="19">
        <v>427</v>
      </c>
    </row>
    <row r="51" spans="1:11" ht="15" customHeight="1">
      <c r="A51" s="17" t="s">
        <v>99</v>
      </c>
      <c r="B51" s="17"/>
      <c r="C51" s="13">
        <v>2033</v>
      </c>
      <c r="D51" s="19">
        <v>1098</v>
      </c>
      <c r="E51" s="19">
        <v>935</v>
      </c>
      <c r="F51" s="19"/>
      <c r="G51" s="18" t="s">
        <v>100</v>
      </c>
      <c r="H51" s="17"/>
      <c r="I51" s="13">
        <v>644</v>
      </c>
      <c r="J51" s="19">
        <v>224</v>
      </c>
      <c r="K51" s="19">
        <v>420</v>
      </c>
    </row>
    <row r="52" spans="1:11" ht="15" customHeight="1">
      <c r="A52" s="17" t="s">
        <v>101</v>
      </c>
      <c r="B52" s="17"/>
      <c r="C52" s="13">
        <v>2175</v>
      </c>
      <c r="D52" s="19">
        <v>1096</v>
      </c>
      <c r="E52" s="19">
        <v>1079</v>
      </c>
      <c r="F52" s="19"/>
      <c r="G52" s="18" t="s">
        <v>102</v>
      </c>
      <c r="H52" s="17"/>
      <c r="I52" s="13">
        <v>503</v>
      </c>
      <c r="J52" s="19">
        <v>166</v>
      </c>
      <c r="K52" s="19">
        <v>337</v>
      </c>
    </row>
    <row r="53" spans="1:11" ht="20.100000000000001" customHeight="1">
      <c r="A53" s="17" t="s">
        <v>103</v>
      </c>
      <c r="B53" s="17"/>
      <c r="C53" s="13">
        <v>12488</v>
      </c>
      <c r="D53" s="14">
        <v>6508</v>
      </c>
      <c r="E53" s="14">
        <v>5980</v>
      </c>
      <c r="F53" s="14"/>
      <c r="G53" s="18" t="s">
        <v>104</v>
      </c>
      <c r="H53" s="17"/>
      <c r="I53" s="13">
        <v>1578</v>
      </c>
      <c r="J53" s="14">
        <v>444</v>
      </c>
      <c r="K53" s="14">
        <v>1134</v>
      </c>
    </row>
    <row r="54" spans="1:11" ht="15" customHeight="1">
      <c r="A54" s="17" t="s">
        <v>105</v>
      </c>
      <c r="B54" s="17"/>
      <c r="C54" s="13">
        <v>2341</v>
      </c>
      <c r="D54" s="19">
        <v>1185</v>
      </c>
      <c r="E54" s="19">
        <v>1156</v>
      </c>
      <c r="F54" s="19"/>
      <c r="G54" s="18" t="s">
        <v>106</v>
      </c>
      <c r="H54" s="17"/>
      <c r="I54" s="13">
        <v>452</v>
      </c>
      <c r="J54" s="19">
        <v>137</v>
      </c>
      <c r="K54" s="19">
        <v>315</v>
      </c>
    </row>
    <row r="55" spans="1:11" ht="15" customHeight="1">
      <c r="A55" s="17" t="s">
        <v>107</v>
      </c>
      <c r="B55" s="17"/>
      <c r="C55" s="13">
        <v>2346</v>
      </c>
      <c r="D55" s="19">
        <v>1185</v>
      </c>
      <c r="E55" s="19">
        <v>1161</v>
      </c>
      <c r="F55" s="19"/>
      <c r="G55" s="18" t="s">
        <v>108</v>
      </c>
      <c r="H55" s="17"/>
      <c r="I55" s="13">
        <v>375</v>
      </c>
      <c r="J55" s="19">
        <v>115</v>
      </c>
      <c r="K55" s="19">
        <v>260</v>
      </c>
    </row>
    <row r="56" spans="1:11" ht="15" customHeight="1">
      <c r="A56" s="17" t="s">
        <v>109</v>
      </c>
      <c r="B56" s="17"/>
      <c r="C56" s="13">
        <v>2408</v>
      </c>
      <c r="D56" s="19">
        <v>1292</v>
      </c>
      <c r="E56" s="19">
        <v>1116</v>
      </c>
      <c r="F56" s="19"/>
      <c r="G56" s="18" t="s">
        <v>110</v>
      </c>
      <c r="H56" s="17"/>
      <c r="I56" s="13">
        <v>322</v>
      </c>
      <c r="J56" s="19">
        <v>102</v>
      </c>
      <c r="K56" s="19">
        <v>220</v>
      </c>
    </row>
    <row r="57" spans="1:11" ht="15" customHeight="1">
      <c r="A57" s="17" t="s">
        <v>111</v>
      </c>
      <c r="B57" s="17"/>
      <c r="C57" s="13">
        <v>2544</v>
      </c>
      <c r="D57" s="19">
        <v>1345</v>
      </c>
      <c r="E57" s="19">
        <v>1199</v>
      </c>
      <c r="F57" s="19"/>
      <c r="G57" s="18" t="s">
        <v>112</v>
      </c>
      <c r="H57" s="17"/>
      <c r="I57" s="13">
        <v>240</v>
      </c>
      <c r="J57" s="19">
        <v>54</v>
      </c>
      <c r="K57" s="19">
        <v>186</v>
      </c>
    </row>
    <row r="58" spans="1:11" ht="15" customHeight="1">
      <c r="A58" s="17" t="s">
        <v>113</v>
      </c>
      <c r="B58" s="17"/>
      <c r="C58" s="13">
        <v>2849</v>
      </c>
      <c r="D58" s="19">
        <v>1501</v>
      </c>
      <c r="E58" s="19">
        <v>1348</v>
      </c>
      <c r="F58" s="19"/>
      <c r="G58" s="18" t="s">
        <v>114</v>
      </c>
      <c r="H58" s="17"/>
      <c r="I58" s="13">
        <v>189</v>
      </c>
      <c r="J58" s="19">
        <v>36</v>
      </c>
      <c r="K58" s="19">
        <v>153</v>
      </c>
    </row>
    <row r="59" spans="1:11" ht="20.100000000000001" customHeight="1">
      <c r="A59" s="17" t="s">
        <v>115</v>
      </c>
      <c r="B59" s="17"/>
      <c r="C59" s="13">
        <v>13894</v>
      </c>
      <c r="D59" s="14">
        <v>7216</v>
      </c>
      <c r="E59" s="14">
        <v>6678</v>
      </c>
      <c r="F59" s="14"/>
      <c r="G59" s="18" t="s">
        <v>116</v>
      </c>
      <c r="H59" s="17"/>
      <c r="I59" s="13">
        <v>463</v>
      </c>
      <c r="J59" s="14">
        <v>69</v>
      </c>
      <c r="K59" s="14">
        <v>394</v>
      </c>
    </row>
    <row r="60" spans="1:11" ht="15" customHeight="1">
      <c r="A60" s="17" t="s">
        <v>117</v>
      </c>
      <c r="B60" s="17"/>
      <c r="C60" s="13">
        <v>2933</v>
      </c>
      <c r="D60" s="19">
        <v>1509</v>
      </c>
      <c r="E60" s="19">
        <v>1424</v>
      </c>
      <c r="F60" s="19"/>
      <c r="G60" s="18" t="s">
        <v>118</v>
      </c>
      <c r="H60" s="17"/>
      <c r="I60" s="13">
        <v>147</v>
      </c>
      <c r="J60" s="19">
        <v>21</v>
      </c>
      <c r="K60" s="19">
        <v>126</v>
      </c>
    </row>
    <row r="61" spans="1:11" ht="15" customHeight="1">
      <c r="A61" s="17" t="s">
        <v>119</v>
      </c>
      <c r="B61" s="17"/>
      <c r="C61" s="13">
        <v>2768</v>
      </c>
      <c r="D61" s="19">
        <v>1447</v>
      </c>
      <c r="E61" s="19">
        <v>1321</v>
      </c>
      <c r="F61" s="19"/>
      <c r="G61" s="18" t="s">
        <v>120</v>
      </c>
      <c r="H61" s="17"/>
      <c r="I61" s="13">
        <v>118</v>
      </c>
      <c r="J61" s="19">
        <v>15</v>
      </c>
      <c r="K61" s="19">
        <v>103</v>
      </c>
    </row>
    <row r="62" spans="1:11" ht="15" customHeight="1">
      <c r="A62" s="17" t="s">
        <v>121</v>
      </c>
      <c r="B62" s="17"/>
      <c r="C62" s="13">
        <v>2848</v>
      </c>
      <c r="D62" s="19">
        <v>1474</v>
      </c>
      <c r="E62" s="19">
        <v>1374</v>
      </c>
      <c r="F62" s="19"/>
      <c r="G62" s="18" t="s">
        <v>122</v>
      </c>
      <c r="H62" s="17"/>
      <c r="I62" s="13">
        <v>95</v>
      </c>
      <c r="J62" s="19">
        <v>14</v>
      </c>
      <c r="K62" s="19">
        <v>81</v>
      </c>
    </row>
    <row r="63" spans="1:11" ht="15" customHeight="1">
      <c r="A63" s="17" t="s">
        <v>123</v>
      </c>
      <c r="B63" s="17"/>
      <c r="C63" s="13">
        <v>2745</v>
      </c>
      <c r="D63" s="19">
        <v>1458</v>
      </c>
      <c r="E63" s="19">
        <v>1287</v>
      </c>
      <c r="F63" s="19"/>
      <c r="G63" s="18" t="s">
        <v>124</v>
      </c>
      <c r="H63" s="17"/>
      <c r="I63" s="13">
        <v>55</v>
      </c>
      <c r="J63" s="19">
        <v>7</v>
      </c>
      <c r="K63" s="19">
        <v>48</v>
      </c>
    </row>
    <row r="64" spans="1:11" ht="15" customHeight="1">
      <c r="A64" s="17" t="s">
        <v>125</v>
      </c>
      <c r="B64" s="17"/>
      <c r="C64" s="13">
        <v>2600</v>
      </c>
      <c r="D64" s="19">
        <v>1328</v>
      </c>
      <c r="E64" s="19">
        <v>1272</v>
      </c>
      <c r="F64" s="19"/>
      <c r="G64" s="18" t="s">
        <v>126</v>
      </c>
      <c r="H64" s="17"/>
      <c r="I64" s="13">
        <v>48</v>
      </c>
      <c r="J64" s="19">
        <v>12</v>
      </c>
      <c r="K64" s="19">
        <v>3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86</v>
      </c>
      <c r="J65" s="19">
        <v>14</v>
      </c>
      <c r="K65" s="19">
        <v>7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07</v>
      </c>
      <c r="J66" s="29">
        <v>715</v>
      </c>
      <c r="K66" s="29">
        <v>49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7" pageOrder="overThenDown" orientation="portrait" blackAndWhite="1" useFirstPageNumber="1" horizontalDpi="300" verticalDpi="300"/>
  <headerFooter scaleWithDoc="0"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2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1965</v>
      </c>
      <c r="D4" s="14">
        <v>136677</v>
      </c>
      <c r="E4" s="14">
        <v>13528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247</v>
      </c>
      <c r="D5" s="14">
        <v>5312</v>
      </c>
      <c r="E5" s="14">
        <v>4935</v>
      </c>
      <c r="F5" s="14"/>
      <c r="G5" s="18" t="s">
        <v>8</v>
      </c>
      <c r="H5" s="17"/>
      <c r="I5" s="13">
        <v>20124</v>
      </c>
      <c r="J5" s="14">
        <v>10622</v>
      </c>
      <c r="K5" s="14">
        <v>9502</v>
      </c>
    </row>
    <row r="6" spans="1:11" ht="15" customHeight="1">
      <c r="A6" s="17" t="s">
        <v>9</v>
      </c>
      <c r="B6" s="17"/>
      <c r="C6" s="13">
        <v>1942</v>
      </c>
      <c r="D6" s="19">
        <v>1003</v>
      </c>
      <c r="E6" s="19">
        <v>939</v>
      </c>
      <c r="F6" s="19"/>
      <c r="G6" s="18" t="s">
        <v>10</v>
      </c>
      <c r="H6" s="17"/>
      <c r="I6" s="13">
        <v>4364</v>
      </c>
      <c r="J6" s="19">
        <v>2347</v>
      </c>
      <c r="K6" s="19">
        <v>2017</v>
      </c>
    </row>
    <row r="7" spans="1:11" ht="15" customHeight="1">
      <c r="A7" s="17" t="s">
        <v>11</v>
      </c>
      <c r="B7" s="17"/>
      <c r="C7" s="13">
        <v>1996</v>
      </c>
      <c r="D7" s="19">
        <v>1034</v>
      </c>
      <c r="E7" s="19">
        <v>962</v>
      </c>
      <c r="F7" s="19"/>
      <c r="G7" s="18" t="s">
        <v>12</v>
      </c>
      <c r="H7" s="17"/>
      <c r="I7" s="13">
        <v>4557</v>
      </c>
      <c r="J7" s="19">
        <v>2390</v>
      </c>
      <c r="K7" s="19">
        <v>2167</v>
      </c>
    </row>
    <row r="8" spans="1:11" ht="15" customHeight="1">
      <c r="A8" s="17" t="s">
        <v>13</v>
      </c>
      <c r="B8" s="17"/>
      <c r="C8" s="13">
        <v>2061</v>
      </c>
      <c r="D8" s="19">
        <v>1065</v>
      </c>
      <c r="E8" s="19">
        <v>996</v>
      </c>
      <c r="F8" s="19"/>
      <c r="G8" s="18" t="s">
        <v>14</v>
      </c>
      <c r="H8" s="17"/>
      <c r="I8" s="13">
        <v>3293</v>
      </c>
      <c r="J8" s="19">
        <v>1715</v>
      </c>
      <c r="K8" s="19">
        <v>1578</v>
      </c>
    </row>
    <row r="9" spans="1:11" ht="15" customHeight="1">
      <c r="A9" s="17" t="s">
        <v>15</v>
      </c>
      <c r="B9" s="17"/>
      <c r="C9" s="13">
        <v>2075</v>
      </c>
      <c r="D9" s="19">
        <v>1107</v>
      </c>
      <c r="E9" s="19">
        <v>968</v>
      </c>
      <c r="F9" s="19"/>
      <c r="G9" s="18" t="s">
        <v>16</v>
      </c>
      <c r="H9" s="17"/>
      <c r="I9" s="13">
        <v>4100</v>
      </c>
      <c r="J9" s="19">
        <v>2154</v>
      </c>
      <c r="K9" s="19">
        <v>1946</v>
      </c>
    </row>
    <row r="10" spans="1:11" ht="15" customHeight="1">
      <c r="A10" s="17" t="s">
        <v>17</v>
      </c>
      <c r="B10" s="17"/>
      <c r="C10" s="13">
        <v>2173</v>
      </c>
      <c r="D10" s="19">
        <v>1103</v>
      </c>
      <c r="E10" s="19">
        <v>1070</v>
      </c>
      <c r="F10" s="19"/>
      <c r="G10" s="18" t="s">
        <v>18</v>
      </c>
      <c r="H10" s="17"/>
      <c r="I10" s="13">
        <v>3810</v>
      </c>
      <c r="J10" s="19">
        <v>2016</v>
      </c>
      <c r="K10" s="19">
        <v>1794</v>
      </c>
    </row>
    <row r="11" spans="1:11" ht="20.100000000000001" customHeight="1">
      <c r="A11" s="17" t="s">
        <v>19</v>
      </c>
      <c r="B11" s="17"/>
      <c r="C11" s="13">
        <v>11260</v>
      </c>
      <c r="D11" s="14">
        <v>5762</v>
      </c>
      <c r="E11" s="14">
        <v>5498</v>
      </c>
      <c r="F11" s="14"/>
      <c r="G11" s="18" t="s">
        <v>20</v>
      </c>
      <c r="H11" s="17"/>
      <c r="I11" s="13">
        <v>15919</v>
      </c>
      <c r="J11" s="14">
        <v>8224</v>
      </c>
      <c r="K11" s="14">
        <v>7695</v>
      </c>
    </row>
    <row r="12" spans="1:11" ht="15" customHeight="1">
      <c r="A12" s="17" t="s">
        <v>21</v>
      </c>
      <c r="B12" s="17"/>
      <c r="C12" s="13">
        <v>2263</v>
      </c>
      <c r="D12" s="19">
        <v>1196</v>
      </c>
      <c r="E12" s="19">
        <v>1067</v>
      </c>
      <c r="F12" s="19"/>
      <c r="G12" s="18" t="s">
        <v>22</v>
      </c>
      <c r="H12" s="17"/>
      <c r="I12" s="13">
        <v>3561</v>
      </c>
      <c r="J12" s="19">
        <v>1841</v>
      </c>
      <c r="K12" s="19">
        <v>1720</v>
      </c>
    </row>
    <row r="13" spans="1:11" ht="15" customHeight="1">
      <c r="A13" s="17" t="s">
        <v>23</v>
      </c>
      <c r="B13" s="17"/>
      <c r="C13" s="13">
        <v>2196</v>
      </c>
      <c r="D13" s="19">
        <v>1115</v>
      </c>
      <c r="E13" s="19">
        <v>1081</v>
      </c>
      <c r="F13" s="19"/>
      <c r="G13" s="18" t="s">
        <v>24</v>
      </c>
      <c r="H13" s="17"/>
      <c r="I13" s="13">
        <v>3258</v>
      </c>
      <c r="J13" s="19">
        <v>1666</v>
      </c>
      <c r="K13" s="19">
        <v>1592</v>
      </c>
    </row>
    <row r="14" spans="1:11" ht="15" customHeight="1">
      <c r="A14" s="17" t="s">
        <v>25</v>
      </c>
      <c r="B14" s="17"/>
      <c r="C14" s="13">
        <v>2273</v>
      </c>
      <c r="D14" s="19">
        <v>1159</v>
      </c>
      <c r="E14" s="19">
        <v>1114</v>
      </c>
      <c r="F14" s="19"/>
      <c r="G14" s="18" t="s">
        <v>26</v>
      </c>
      <c r="H14" s="17"/>
      <c r="I14" s="13">
        <v>3082</v>
      </c>
      <c r="J14" s="19">
        <v>1620</v>
      </c>
      <c r="K14" s="19">
        <v>1462</v>
      </c>
    </row>
    <row r="15" spans="1:11" ht="15" customHeight="1">
      <c r="A15" s="17" t="s">
        <v>27</v>
      </c>
      <c r="B15" s="17"/>
      <c r="C15" s="13">
        <v>2220</v>
      </c>
      <c r="D15" s="19">
        <v>1114</v>
      </c>
      <c r="E15" s="19">
        <v>1106</v>
      </c>
      <c r="F15" s="19"/>
      <c r="G15" s="18" t="s">
        <v>28</v>
      </c>
      <c r="H15" s="17"/>
      <c r="I15" s="13">
        <v>3142</v>
      </c>
      <c r="J15" s="19">
        <v>1605</v>
      </c>
      <c r="K15" s="19">
        <v>1537</v>
      </c>
    </row>
    <row r="16" spans="1:11" ht="15" customHeight="1">
      <c r="A16" s="17" t="s">
        <v>29</v>
      </c>
      <c r="B16" s="17"/>
      <c r="C16" s="13">
        <v>2308</v>
      </c>
      <c r="D16" s="19">
        <v>1178</v>
      </c>
      <c r="E16" s="19">
        <v>1130</v>
      </c>
      <c r="F16" s="19"/>
      <c r="G16" s="18" t="s">
        <v>30</v>
      </c>
      <c r="H16" s="17"/>
      <c r="I16" s="13">
        <v>2876</v>
      </c>
      <c r="J16" s="19">
        <v>1492</v>
      </c>
      <c r="K16" s="19">
        <v>1384</v>
      </c>
    </row>
    <row r="17" spans="1:11" ht="20.100000000000001" customHeight="1">
      <c r="A17" s="20" t="s">
        <v>31</v>
      </c>
      <c r="B17" s="20"/>
      <c r="C17" s="13">
        <v>11797</v>
      </c>
      <c r="D17" s="14">
        <v>6031</v>
      </c>
      <c r="E17" s="14">
        <v>5766</v>
      </c>
      <c r="F17" s="14"/>
      <c r="G17" s="18" t="s">
        <v>32</v>
      </c>
      <c r="H17" s="17"/>
      <c r="I17" s="13">
        <v>14248</v>
      </c>
      <c r="J17" s="14">
        <v>7251</v>
      </c>
      <c r="K17" s="14">
        <v>6997</v>
      </c>
    </row>
    <row r="18" spans="1:11" ht="15" customHeight="1">
      <c r="A18" s="17" t="s">
        <v>33</v>
      </c>
      <c r="B18" s="17"/>
      <c r="C18" s="13">
        <v>2417</v>
      </c>
      <c r="D18" s="19">
        <v>1262</v>
      </c>
      <c r="E18" s="19">
        <v>1155</v>
      </c>
      <c r="F18" s="19">
        <v>1155</v>
      </c>
      <c r="G18" s="18" t="s">
        <v>34</v>
      </c>
      <c r="H18" s="17"/>
      <c r="I18" s="13">
        <v>2885</v>
      </c>
      <c r="J18" s="19">
        <v>1448</v>
      </c>
      <c r="K18" s="19">
        <v>1437</v>
      </c>
    </row>
    <row r="19" spans="1:11" ht="15" customHeight="1">
      <c r="A19" s="17" t="s">
        <v>35</v>
      </c>
      <c r="B19" s="17"/>
      <c r="C19" s="13">
        <v>2361</v>
      </c>
      <c r="D19" s="19">
        <v>1204</v>
      </c>
      <c r="E19" s="19">
        <v>1157</v>
      </c>
      <c r="F19" s="19">
        <v>1157</v>
      </c>
      <c r="G19" s="18" t="s">
        <v>36</v>
      </c>
      <c r="H19" s="17"/>
      <c r="I19" s="13">
        <v>2680</v>
      </c>
      <c r="J19" s="19">
        <v>1373</v>
      </c>
      <c r="K19" s="19">
        <v>1307</v>
      </c>
    </row>
    <row r="20" spans="1:11" ht="15" customHeight="1">
      <c r="A20" s="17" t="s">
        <v>37</v>
      </c>
      <c r="B20" s="17"/>
      <c r="C20" s="13">
        <v>2420</v>
      </c>
      <c r="D20" s="19">
        <v>1265</v>
      </c>
      <c r="E20" s="19">
        <v>1155</v>
      </c>
      <c r="F20" s="19">
        <v>1155</v>
      </c>
      <c r="G20" s="18" t="s">
        <v>38</v>
      </c>
      <c r="H20" s="17"/>
      <c r="I20" s="13">
        <v>2912</v>
      </c>
      <c r="J20" s="19">
        <v>1465</v>
      </c>
      <c r="K20" s="19">
        <v>1447</v>
      </c>
    </row>
    <row r="21" spans="1:11" ht="15" customHeight="1">
      <c r="A21" s="17" t="s">
        <v>39</v>
      </c>
      <c r="B21" s="17"/>
      <c r="C21" s="13">
        <v>2322</v>
      </c>
      <c r="D21" s="19">
        <v>1133</v>
      </c>
      <c r="E21" s="19">
        <v>1189</v>
      </c>
      <c r="F21" s="19">
        <v>1189</v>
      </c>
      <c r="G21" s="18" t="s">
        <v>40</v>
      </c>
      <c r="H21" s="17"/>
      <c r="I21" s="13">
        <v>2890</v>
      </c>
      <c r="J21" s="19">
        <v>1525</v>
      </c>
      <c r="K21" s="19">
        <v>1365</v>
      </c>
    </row>
    <row r="22" spans="1:11" ht="15" customHeight="1">
      <c r="A22" s="17" t="s">
        <v>41</v>
      </c>
      <c r="B22" s="17"/>
      <c r="C22" s="13">
        <v>2277</v>
      </c>
      <c r="D22" s="19">
        <v>1167</v>
      </c>
      <c r="E22" s="19">
        <v>1110</v>
      </c>
      <c r="F22" s="19">
        <v>1110</v>
      </c>
      <c r="G22" s="18" t="s">
        <v>42</v>
      </c>
      <c r="H22" s="17"/>
      <c r="I22" s="13">
        <v>2881</v>
      </c>
      <c r="J22" s="19">
        <v>1440</v>
      </c>
      <c r="K22" s="19">
        <v>1441</v>
      </c>
    </row>
    <row r="23" spans="1:11" ht="20.100000000000001" customHeight="1">
      <c r="A23" s="17" t="s">
        <v>43</v>
      </c>
      <c r="B23" s="17"/>
      <c r="C23" s="13">
        <v>12960</v>
      </c>
      <c r="D23" s="14">
        <v>6649</v>
      </c>
      <c r="E23" s="14">
        <v>6311</v>
      </c>
      <c r="F23" s="14"/>
      <c r="G23" s="18" t="s">
        <v>44</v>
      </c>
      <c r="H23" s="17"/>
      <c r="I23" s="13">
        <v>17669</v>
      </c>
      <c r="J23" s="14">
        <v>8517</v>
      </c>
      <c r="K23" s="14">
        <v>9152</v>
      </c>
    </row>
    <row r="24" spans="1:11" ht="15" customHeight="1">
      <c r="A24" s="17" t="s">
        <v>45</v>
      </c>
      <c r="B24" s="17"/>
      <c r="C24" s="13">
        <v>2414</v>
      </c>
      <c r="D24" s="19">
        <v>1230</v>
      </c>
      <c r="E24" s="19">
        <v>1184</v>
      </c>
      <c r="F24" s="19"/>
      <c r="G24" s="18" t="s">
        <v>46</v>
      </c>
      <c r="H24" s="17"/>
      <c r="I24" s="13">
        <v>3026</v>
      </c>
      <c r="J24" s="19">
        <v>1508</v>
      </c>
      <c r="K24" s="19">
        <v>1518</v>
      </c>
    </row>
    <row r="25" spans="1:11" ht="15" customHeight="1">
      <c r="A25" s="17" t="s">
        <v>47</v>
      </c>
      <c r="B25" s="17"/>
      <c r="C25" s="13">
        <v>2501</v>
      </c>
      <c r="D25" s="19">
        <v>1302</v>
      </c>
      <c r="E25" s="19">
        <v>1199</v>
      </c>
      <c r="F25" s="19"/>
      <c r="G25" s="18" t="s">
        <v>48</v>
      </c>
      <c r="H25" s="17"/>
      <c r="I25" s="13">
        <v>3332</v>
      </c>
      <c r="J25" s="19">
        <v>1597</v>
      </c>
      <c r="K25" s="19">
        <v>1735</v>
      </c>
    </row>
    <row r="26" spans="1:11" ht="15" customHeight="1">
      <c r="A26" s="17" t="s">
        <v>49</v>
      </c>
      <c r="B26" s="17"/>
      <c r="C26" s="13">
        <v>2539</v>
      </c>
      <c r="D26" s="19">
        <v>1321</v>
      </c>
      <c r="E26" s="19">
        <v>1218</v>
      </c>
      <c r="F26" s="19"/>
      <c r="G26" s="18" t="s">
        <v>50</v>
      </c>
      <c r="H26" s="17"/>
      <c r="I26" s="13">
        <v>3455</v>
      </c>
      <c r="J26" s="19">
        <v>1696</v>
      </c>
      <c r="K26" s="19">
        <v>1759</v>
      </c>
    </row>
    <row r="27" spans="1:11" ht="15" customHeight="1">
      <c r="A27" s="17" t="s">
        <v>51</v>
      </c>
      <c r="B27" s="17"/>
      <c r="C27" s="13">
        <v>2671</v>
      </c>
      <c r="D27" s="19">
        <v>1349</v>
      </c>
      <c r="E27" s="19">
        <v>1322</v>
      </c>
      <c r="F27" s="19"/>
      <c r="G27" s="18" t="s">
        <v>52</v>
      </c>
      <c r="H27" s="17"/>
      <c r="I27" s="13">
        <v>3648</v>
      </c>
      <c r="J27" s="19">
        <v>1697</v>
      </c>
      <c r="K27" s="19">
        <v>1951</v>
      </c>
    </row>
    <row r="28" spans="1:11" ht="15" customHeight="1">
      <c r="A28" s="17" t="s">
        <v>53</v>
      </c>
      <c r="B28" s="17"/>
      <c r="C28" s="13">
        <v>2835</v>
      </c>
      <c r="D28" s="19">
        <v>1447</v>
      </c>
      <c r="E28" s="19">
        <v>1388</v>
      </c>
      <c r="F28" s="19"/>
      <c r="G28" s="18" t="s">
        <v>54</v>
      </c>
      <c r="H28" s="17"/>
      <c r="I28" s="13">
        <v>4208</v>
      </c>
      <c r="J28" s="19">
        <v>2019</v>
      </c>
      <c r="K28" s="19">
        <v>2189</v>
      </c>
    </row>
    <row r="29" spans="1:11" ht="20.100000000000001" customHeight="1">
      <c r="A29" s="17" t="s">
        <v>55</v>
      </c>
      <c r="B29" s="17"/>
      <c r="C29" s="13">
        <v>17069</v>
      </c>
      <c r="D29" s="14">
        <v>8845</v>
      </c>
      <c r="E29" s="14">
        <v>8224</v>
      </c>
      <c r="F29" s="14"/>
      <c r="G29" s="18" t="s">
        <v>56</v>
      </c>
      <c r="H29" s="17"/>
      <c r="I29" s="13">
        <v>16823</v>
      </c>
      <c r="J29" s="14">
        <v>7748</v>
      </c>
      <c r="K29" s="14">
        <v>9075</v>
      </c>
    </row>
    <row r="30" spans="1:11" ht="15" customHeight="1">
      <c r="A30" s="17" t="s">
        <v>57</v>
      </c>
      <c r="B30" s="17"/>
      <c r="C30" s="13">
        <v>3008</v>
      </c>
      <c r="D30" s="19">
        <v>1531</v>
      </c>
      <c r="E30" s="19">
        <v>1477</v>
      </c>
      <c r="F30" s="19"/>
      <c r="G30" s="18" t="s">
        <v>58</v>
      </c>
      <c r="H30" s="17"/>
      <c r="I30" s="13">
        <v>4120</v>
      </c>
      <c r="J30" s="19">
        <v>1864</v>
      </c>
      <c r="K30" s="19">
        <v>2256</v>
      </c>
    </row>
    <row r="31" spans="1:11" ht="15" customHeight="1">
      <c r="A31" s="17" t="s">
        <v>59</v>
      </c>
      <c r="B31" s="17"/>
      <c r="C31" s="13">
        <v>3172</v>
      </c>
      <c r="D31" s="19">
        <v>1664</v>
      </c>
      <c r="E31" s="19">
        <v>1508</v>
      </c>
      <c r="F31" s="19"/>
      <c r="G31" s="18" t="s">
        <v>60</v>
      </c>
      <c r="H31" s="17"/>
      <c r="I31" s="13">
        <v>4037</v>
      </c>
      <c r="J31" s="19">
        <v>1889</v>
      </c>
      <c r="K31" s="19">
        <v>2148</v>
      </c>
    </row>
    <row r="32" spans="1:11" ht="15" customHeight="1">
      <c r="A32" s="17" t="s">
        <v>61</v>
      </c>
      <c r="B32" s="17"/>
      <c r="C32" s="13">
        <v>3721</v>
      </c>
      <c r="D32" s="19">
        <v>1919</v>
      </c>
      <c r="E32" s="19">
        <v>1802</v>
      </c>
      <c r="F32" s="19"/>
      <c r="G32" s="18" t="s">
        <v>62</v>
      </c>
      <c r="H32" s="17"/>
      <c r="I32" s="13">
        <v>2791</v>
      </c>
      <c r="J32" s="19">
        <v>1263</v>
      </c>
      <c r="K32" s="19">
        <v>1528</v>
      </c>
    </row>
    <row r="33" spans="1:11" ht="15" customHeight="1">
      <c r="A33" s="17" t="s">
        <v>63</v>
      </c>
      <c r="B33" s="17"/>
      <c r="C33" s="13">
        <v>3632</v>
      </c>
      <c r="D33" s="19">
        <v>1852</v>
      </c>
      <c r="E33" s="19">
        <v>1780</v>
      </c>
      <c r="F33" s="19"/>
      <c r="G33" s="18" t="s">
        <v>64</v>
      </c>
      <c r="H33" s="17"/>
      <c r="I33" s="13">
        <v>2629</v>
      </c>
      <c r="J33" s="19">
        <v>1225</v>
      </c>
      <c r="K33" s="19">
        <v>1404</v>
      </c>
    </row>
    <row r="34" spans="1:11" ht="15" customHeight="1">
      <c r="A34" s="17" t="s">
        <v>65</v>
      </c>
      <c r="B34" s="17"/>
      <c r="C34" s="13">
        <v>3536</v>
      </c>
      <c r="D34" s="19">
        <v>1879</v>
      </c>
      <c r="E34" s="19">
        <v>1657</v>
      </c>
      <c r="F34" s="19"/>
      <c r="G34" s="18" t="s">
        <v>66</v>
      </c>
      <c r="H34" s="17"/>
      <c r="I34" s="13">
        <v>3246</v>
      </c>
      <c r="J34" s="19">
        <v>1507</v>
      </c>
      <c r="K34" s="19">
        <v>1739</v>
      </c>
    </row>
    <row r="35" spans="1:11" ht="20.100000000000001" customHeight="1">
      <c r="A35" s="17" t="s">
        <v>67</v>
      </c>
      <c r="B35" s="17"/>
      <c r="C35" s="13">
        <v>14466</v>
      </c>
      <c r="D35" s="14">
        <v>7624</v>
      </c>
      <c r="E35" s="14">
        <v>6842</v>
      </c>
      <c r="F35" s="14"/>
      <c r="G35" s="18" t="s">
        <v>68</v>
      </c>
      <c r="H35" s="17"/>
      <c r="I35" s="13">
        <v>14786</v>
      </c>
      <c r="J35" s="14">
        <v>6928</v>
      </c>
      <c r="K35" s="14">
        <v>7858</v>
      </c>
    </row>
    <row r="36" spans="1:11" ht="15" customHeight="1">
      <c r="A36" s="17" t="s">
        <v>69</v>
      </c>
      <c r="B36" s="17"/>
      <c r="C36" s="13">
        <v>3095</v>
      </c>
      <c r="D36" s="19">
        <v>1603</v>
      </c>
      <c r="E36" s="19">
        <v>1492</v>
      </c>
      <c r="F36" s="19"/>
      <c r="G36" s="18" t="s">
        <v>70</v>
      </c>
      <c r="H36" s="17"/>
      <c r="I36" s="13">
        <v>3446</v>
      </c>
      <c r="J36" s="19">
        <v>1596</v>
      </c>
      <c r="K36" s="19">
        <v>1850</v>
      </c>
    </row>
    <row r="37" spans="1:11" ht="15" customHeight="1">
      <c r="A37" s="17" t="s">
        <v>71</v>
      </c>
      <c r="B37" s="17"/>
      <c r="C37" s="13">
        <v>3027</v>
      </c>
      <c r="D37" s="19">
        <v>1658</v>
      </c>
      <c r="E37" s="19">
        <v>1369</v>
      </c>
      <c r="F37" s="19"/>
      <c r="G37" s="18" t="s">
        <v>72</v>
      </c>
      <c r="H37" s="17"/>
      <c r="I37" s="13">
        <v>3153</v>
      </c>
      <c r="J37" s="19">
        <v>1479</v>
      </c>
      <c r="K37" s="19">
        <v>1674</v>
      </c>
    </row>
    <row r="38" spans="1:11" ht="15" customHeight="1">
      <c r="A38" s="17" t="s">
        <v>73</v>
      </c>
      <c r="B38" s="17"/>
      <c r="C38" s="13">
        <v>2862</v>
      </c>
      <c r="D38" s="19">
        <v>1515</v>
      </c>
      <c r="E38" s="19">
        <v>1347</v>
      </c>
      <c r="F38" s="19"/>
      <c r="G38" s="18" t="s">
        <v>74</v>
      </c>
      <c r="H38" s="17"/>
      <c r="I38" s="13">
        <v>3126</v>
      </c>
      <c r="J38" s="19">
        <v>1432</v>
      </c>
      <c r="K38" s="19">
        <v>1694</v>
      </c>
    </row>
    <row r="39" spans="1:11" ht="15" customHeight="1">
      <c r="A39" s="17" t="s">
        <v>75</v>
      </c>
      <c r="B39" s="17"/>
      <c r="C39" s="13">
        <v>2737</v>
      </c>
      <c r="D39" s="19">
        <v>1441</v>
      </c>
      <c r="E39" s="19">
        <v>1296</v>
      </c>
      <c r="F39" s="19"/>
      <c r="G39" s="18" t="s">
        <v>76</v>
      </c>
      <c r="H39" s="17"/>
      <c r="I39" s="13">
        <v>2769</v>
      </c>
      <c r="J39" s="19">
        <v>1290</v>
      </c>
      <c r="K39" s="19">
        <v>1479</v>
      </c>
    </row>
    <row r="40" spans="1:11" ht="15" customHeight="1">
      <c r="A40" s="17" t="s">
        <v>77</v>
      </c>
      <c r="B40" s="17"/>
      <c r="C40" s="13">
        <v>2745</v>
      </c>
      <c r="D40" s="19">
        <v>1407</v>
      </c>
      <c r="E40" s="19">
        <v>1338</v>
      </c>
      <c r="F40" s="19"/>
      <c r="G40" s="18" t="s">
        <v>78</v>
      </c>
      <c r="H40" s="17"/>
      <c r="I40" s="13">
        <v>2292</v>
      </c>
      <c r="J40" s="19">
        <v>1131</v>
      </c>
      <c r="K40" s="19">
        <v>1161</v>
      </c>
    </row>
    <row r="41" spans="1:11" ht="20.100000000000001" customHeight="1">
      <c r="A41" s="17" t="s">
        <v>79</v>
      </c>
      <c r="B41" s="17"/>
      <c r="C41" s="13">
        <v>14740</v>
      </c>
      <c r="D41" s="14">
        <v>7664</v>
      </c>
      <c r="E41" s="14">
        <v>7076</v>
      </c>
      <c r="F41" s="14"/>
      <c r="G41" s="18" t="s">
        <v>80</v>
      </c>
      <c r="H41" s="17"/>
      <c r="I41" s="13">
        <v>9176</v>
      </c>
      <c r="J41" s="14">
        <v>4192</v>
      </c>
      <c r="K41" s="14">
        <v>4984</v>
      </c>
    </row>
    <row r="42" spans="1:11" ht="15" customHeight="1">
      <c r="A42" s="17" t="s">
        <v>81</v>
      </c>
      <c r="B42" s="17"/>
      <c r="C42" s="13">
        <v>2802</v>
      </c>
      <c r="D42" s="19">
        <v>1464</v>
      </c>
      <c r="E42" s="19">
        <v>1338</v>
      </c>
      <c r="F42" s="19"/>
      <c r="G42" s="18" t="s">
        <v>82</v>
      </c>
      <c r="H42" s="17"/>
      <c r="I42" s="13">
        <v>2123</v>
      </c>
      <c r="J42" s="19">
        <v>1018</v>
      </c>
      <c r="K42" s="19">
        <v>1105</v>
      </c>
    </row>
    <row r="43" spans="1:11" ht="15" customHeight="1">
      <c r="A43" s="17" t="s">
        <v>83</v>
      </c>
      <c r="B43" s="17"/>
      <c r="C43" s="13">
        <v>2747</v>
      </c>
      <c r="D43" s="19">
        <v>1446</v>
      </c>
      <c r="E43" s="19">
        <v>1301</v>
      </c>
      <c r="F43" s="19"/>
      <c r="G43" s="18" t="s">
        <v>84</v>
      </c>
      <c r="H43" s="17"/>
      <c r="I43" s="13">
        <v>2151</v>
      </c>
      <c r="J43" s="19">
        <v>1027</v>
      </c>
      <c r="K43" s="19">
        <v>1124</v>
      </c>
    </row>
    <row r="44" spans="1:11" ht="15" customHeight="1">
      <c r="A44" s="17" t="s">
        <v>85</v>
      </c>
      <c r="B44" s="17"/>
      <c r="C44" s="13">
        <v>2896</v>
      </c>
      <c r="D44" s="19">
        <v>1553</v>
      </c>
      <c r="E44" s="19">
        <v>1343</v>
      </c>
      <c r="F44" s="19"/>
      <c r="G44" s="18" t="s">
        <v>86</v>
      </c>
      <c r="H44" s="17"/>
      <c r="I44" s="13">
        <v>1794</v>
      </c>
      <c r="J44" s="19">
        <v>824</v>
      </c>
      <c r="K44" s="19">
        <v>970</v>
      </c>
    </row>
    <row r="45" spans="1:11" ht="15" customHeight="1">
      <c r="A45" s="17" t="s">
        <v>87</v>
      </c>
      <c r="B45" s="17"/>
      <c r="C45" s="13">
        <v>3075</v>
      </c>
      <c r="D45" s="19">
        <v>1551</v>
      </c>
      <c r="E45" s="19">
        <v>1524</v>
      </c>
      <c r="F45" s="19"/>
      <c r="G45" s="18" t="s">
        <v>88</v>
      </c>
      <c r="H45" s="17"/>
      <c r="I45" s="13">
        <v>1736</v>
      </c>
      <c r="J45" s="19">
        <v>745</v>
      </c>
      <c r="K45" s="19">
        <v>991</v>
      </c>
    </row>
    <row r="46" spans="1:11" ht="15" customHeight="1">
      <c r="A46" s="17" t="s">
        <v>89</v>
      </c>
      <c r="B46" s="17"/>
      <c r="C46" s="13">
        <v>3220</v>
      </c>
      <c r="D46" s="19">
        <v>1650</v>
      </c>
      <c r="E46" s="19">
        <v>1570</v>
      </c>
      <c r="F46" s="19"/>
      <c r="G46" s="18" t="s">
        <v>90</v>
      </c>
      <c r="H46" s="17"/>
      <c r="I46" s="13">
        <v>1372</v>
      </c>
      <c r="J46" s="19">
        <v>578</v>
      </c>
      <c r="K46" s="19">
        <v>794</v>
      </c>
    </row>
    <row r="47" spans="1:11" ht="20.100000000000001" customHeight="1">
      <c r="A47" s="17" t="s">
        <v>91</v>
      </c>
      <c r="B47" s="17"/>
      <c r="C47" s="13">
        <v>16613</v>
      </c>
      <c r="D47" s="14">
        <v>8586</v>
      </c>
      <c r="E47" s="14">
        <v>8027</v>
      </c>
      <c r="F47" s="14"/>
      <c r="G47" s="18" t="s">
        <v>92</v>
      </c>
      <c r="H47" s="17"/>
      <c r="I47" s="13">
        <v>4929</v>
      </c>
      <c r="J47" s="14">
        <v>1845</v>
      </c>
      <c r="K47" s="14">
        <v>3084</v>
      </c>
    </row>
    <row r="48" spans="1:11" ht="15" customHeight="1">
      <c r="A48" s="17" t="s">
        <v>93</v>
      </c>
      <c r="B48" s="17"/>
      <c r="C48" s="13">
        <v>3219</v>
      </c>
      <c r="D48" s="19">
        <v>1591</v>
      </c>
      <c r="E48" s="19">
        <v>1628</v>
      </c>
      <c r="F48" s="19"/>
      <c r="G48" s="18" t="s">
        <v>94</v>
      </c>
      <c r="H48" s="17"/>
      <c r="I48" s="13">
        <v>1334</v>
      </c>
      <c r="J48" s="19">
        <v>536</v>
      </c>
      <c r="K48" s="19">
        <v>798</v>
      </c>
    </row>
    <row r="49" spans="1:11" ht="15" customHeight="1">
      <c r="A49" s="17" t="s">
        <v>95</v>
      </c>
      <c r="B49" s="17"/>
      <c r="C49" s="13">
        <v>3138</v>
      </c>
      <c r="D49" s="19">
        <v>1653</v>
      </c>
      <c r="E49" s="19">
        <v>1485</v>
      </c>
      <c r="F49" s="19"/>
      <c r="G49" s="18" t="s">
        <v>96</v>
      </c>
      <c r="H49" s="17"/>
      <c r="I49" s="13">
        <v>1116</v>
      </c>
      <c r="J49" s="19">
        <v>419</v>
      </c>
      <c r="K49" s="19">
        <v>697</v>
      </c>
    </row>
    <row r="50" spans="1:11" ht="15" customHeight="1">
      <c r="A50" s="17" t="s">
        <v>97</v>
      </c>
      <c r="B50" s="17"/>
      <c r="C50" s="13">
        <v>3310</v>
      </c>
      <c r="D50" s="19">
        <v>1725</v>
      </c>
      <c r="E50" s="19">
        <v>1585</v>
      </c>
      <c r="F50" s="19"/>
      <c r="G50" s="18" t="s">
        <v>98</v>
      </c>
      <c r="H50" s="17"/>
      <c r="I50" s="13">
        <v>931</v>
      </c>
      <c r="J50" s="19">
        <v>333</v>
      </c>
      <c r="K50" s="19">
        <v>598</v>
      </c>
    </row>
    <row r="51" spans="1:11" ht="15" customHeight="1">
      <c r="A51" s="17" t="s">
        <v>99</v>
      </c>
      <c r="B51" s="17"/>
      <c r="C51" s="13">
        <v>3372</v>
      </c>
      <c r="D51" s="19">
        <v>1770</v>
      </c>
      <c r="E51" s="19">
        <v>1602</v>
      </c>
      <c r="F51" s="19"/>
      <c r="G51" s="18" t="s">
        <v>100</v>
      </c>
      <c r="H51" s="17"/>
      <c r="I51" s="13">
        <v>827</v>
      </c>
      <c r="J51" s="19">
        <v>299</v>
      </c>
      <c r="K51" s="19">
        <v>528</v>
      </c>
    </row>
    <row r="52" spans="1:11" ht="15" customHeight="1">
      <c r="A52" s="17" t="s">
        <v>101</v>
      </c>
      <c r="B52" s="17"/>
      <c r="C52" s="13">
        <v>3574</v>
      </c>
      <c r="D52" s="19">
        <v>1847</v>
      </c>
      <c r="E52" s="19">
        <v>1727</v>
      </c>
      <c r="F52" s="19"/>
      <c r="G52" s="18" t="s">
        <v>102</v>
      </c>
      <c r="H52" s="17"/>
      <c r="I52" s="13">
        <v>721</v>
      </c>
      <c r="J52" s="19">
        <v>258</v>
      </c>
      <c r="K52" s="19">
        <v>463</v>
      </c>
    </row>
    <row r="53" spans="1:11" ht="20.100000000000001" customHeight="1">
      <c r="A53" s="17" t="s">
        <v>103</v>
      </c>
      <c r="B53" s="17"/>
      <c r="C53" s="13">
        <v>20601</v>
      </c>
      <c r="D53" s="14">
        <v>10804</v>
      </c>
      <c r="E53" s="14">
        <v>9797</v>
      </c>
      <c r="F53" s="14"/>
      <c r="G53" s="18" t="s">
        <v>104</v>
      </c>
      <c r="H53" s="17"/>
      <c r="I53" s="13">
        <v>2042</v>
      </c>
      <c r="J53" s="14">
        <v>575</v>
      </c>
      <c r="K53" s="14">
        <v>1467</v>
      </c>
    </row>
    <row r="54" spans="1:11" ht="15" customHeight="1">
      <c r="A54" s="17" t="s">
        <v>105</v>
      </c>
      <c r="B54" s="17"/>
      <c r="C54" s="13">
        <v>3741</v>
      </c>
      <c r="D54" s="19">
        <v>1963</v>
      </c>
      <c r="E54" s="19">
        <v>1778</v>
      </c>
      <c r="F54" s="19"/>
      <c r="G54" s="18" t="s">
        <v>106</v>
      </c>
      <c r="H54" s="17"/>
      <c r="I54" s="13">
        <v>657</v>
      </c>
      <c r="J54" s="19">
        <v>205</v>
      </c>
      <c r="K54" s="19">
        <v>452</v>
      </c>
    </row>
    <row r="55" spans="1:11" ht="15" customHeight="1">
      <c r="A55" s="17" t="s">
        <v>107</v>
      </c>
      <c r="B55" s="17"/>
      <c r="C55" s="13">
        <v>3948</v>
      </c>
      <c r="D55" s="19">
        <v>2040</v>
      </c>
      <c r="E55" s="19">
        <v>1908</v>
      </c>
      <c r="F55" s="19"/>
      <c r="G55" s="18" t="s">
        <v>108</v>
      </c>
      <c r="H55" s="17"/>
      <c r="I55" s="13">
        <v>439</v>
      </c>
      <c r="J55" s="19">
        <v>132</v>
      </c>
      <c r="K55" s="19">
        <v>307</v>
      </c>
    </row>
    <row r="56" spans="1:11" ht="15" customHeight="1">
      <c r="A56" s="17" t="s">
        <v>109</v>
      </c>
      <c r="B56" s="17"/>
      <c r="C56" s="13">
        <v>4078</v>
      </c>
      <c r="D56" s="19">
        <v>2152</v>
      </c>
      <c r="E56" s="19">
        <v>1926</v>
      </c>
      <c r="F56" s="19"/>
      <c r="G56" s="18" t="s">
        <v>110</v>
      </c>
      <c r="H56" s="17"/>
      <c r="I56" s="13">
        <v>387</v>
      </c>
      <c r="J56" s="19">
        <v>109</v>
      </c>
      <c r="K56" s="19">
        <v>278</v>
      </c>
    </row>
    <row r="57" spans="1:11" ht="15" customHeight="1">
      <c r="A57" s="17" t="s">
        <v>111</v>
      </c>
      <c r="B57" s="17"/>
      <c r="C57" s="13">
        <v>4242</v>
      </c>
      <c r="D57" s="19">
        <v>2201</v>
      </c>
      <c r="E57" s="19">
        <v>2041</v>
      </c>
      <c r="F57" s="19"/>
      <c r="G57" s="18" t="s">
        <v>112</v>
      </c>
      <c r="H57" s="17"/>
      <c r="I57" s="13">
        <v>315</v>
      </c>
      <c r="J57" s="19">
        <v>74</v>
      </c>
      <c r="K57" s="19">
        <v>241</v>
      </c>
    </row>
    <row r="58" spans="1:11" ht="15" customHeight="1">
      <c r="A58" s="17" t="s">
        <v>113</v>
      </c>
      <c r="B58" s="17"/>
      <c r="C58" s="13">
        <v>4592</v>
      </c>
      <c r="D58" s="19">
        <v>2448</v>
      </c>
      <c r="E58" s="19">
        <v>2144</v>
      </c>
      <c r="F58" s="19"/>
      <c r="G58" s="18" t="s">
        <v>114</v>
      </c>
      <c r="H58" s="17"/>
      <c r="I58" s="13">
        <v>244</v>
      </c>
      <c r="J58" s="19">
        <v>55</v>
      </c>
      <c r="K58" s="19">
        <v>189</v>
      </c>
    </row>
    <row r="59" spans="1:11" ht="20.100000000000001" customHeight="1">
      <c r="A59" s="17" t="s">
        <v>115</v>
      </c>
      <c r="B59" s="17"/>
      <c r="C59" s="13">
        <v>23561</v>
      </c>
      <c r="D59" s="14">
        <v>12301</v>
      </c>
      <c r="E59" s="14">
        <v>11260</v>
      </c>
      <c r="F59" s="14"/>
      <c r="G59" s="18" t="s">
        <v>116</v>
      </c>
      <c r="H59" s="17"/>
      <c r="I59" s="13">
        <v>535</v>
      </c>
      <c r="J59" s="14">
        <v>93</v>
      </c>
      <c r="K59" s="14">
        <v>442</v>
      </c>
    </row>
    <row r="60" spans="1:11" ht="15" customHeight="1">
      <c r="A60" s="17" t="s">
        <v>117</v>
      </c>
      <c r="B60" s="17"/>
      <c r="C60" s="13">
        <v>4760</v>
      </c>
      <c r="D60" s="19">
        <v>2457</v>
      </c>
      <c r="E60" s="19">
        <v>2303</v>
      </c>
      <c r="F60" s="19"/>
      <c r="G60" s="18" t="s">
        <v>118</v>
      </c>
      <c r="H60" s="17"/>
      <c r="I60" s="13">
        <v>195</v>
      </c>
      <c r="J60" s="19">
        <v>35</v>
      </c>
      <c r="K60" s="19">
        <v>160</v>
      </c>
    </row>
    <row r="61" spans="1:11" ht="15" customHeight="1">
      <c r="A61" s="17" t="s">
        <v>119</v>
      </c>
      <c r="B61" s="17"/>
      <c r="C61" s="13">
        <v>4766</v>
      </c>
      <c r="D61" s="19">
        <v>2517</v>
      </c>
      <c r="E61" s="19">
        <v>2249</v>
      </c>
      <c r="F61" s="19"/>
      <c r="G61" s="18" t="s">
        <v>120</v>
      </c>
      <c r="H61" s="17"/>
      <c r="I61" s="13">
        <v>121</v>
      </c>
      <c r="J61" s="19">
        <v>28</v>
      </c>
      <c r="K61" s="19">
        <v>93</v>
      </c>
    </row>
    <row r="62" spans="1:11" ht="15" customHeight="1">
      <c r="A62" s="17" t="s">
        <v>121</v>
      </c>
      <c r="B62" s="17"/>
      <c r="C62" s="13">
        <v>4829</v>
      </c>
      <c r="D62" s="19">
        <v>2533</v>
      </c>
      <c r="E62" s="19">
        <v>2296</v>
      </c>
      <c r="F62" s="19"/>
      <c r="G62" s="18" t="s">
        <v>122</v>
      </c>
      <c r="H62" s="17"/>
      <c r="I62" s="13">
        <v>95</v>
      </c>
      <c r="J62" s="19">
        <v>9</v>
      </c>
      <c r="K62" s="19">
        <v>86</v>
      </c>
    </row>
    <row r="63" spans="1:11" ht="15" customHeight="1">
      <c r="A63" s="17" t="s">
        <v>123</v>
      </c>
      <c r="B63" s="17"/>
      <c r="C63" s="13">
        <v>4671</v>
      </c>
      <c r="D63" s="19">
        <v>2412</v>
      </c>
      <c r="E63" s="19">
        <v>2259</v>
      </c>
      <c r="F63" s="19"/>
      <c r="G63" s="18" t="s">
        <v>124</v>
      </c>
      <c r="H63" s="17"/>
      <c r="I63" s="13">
        <v>72</v>
      </c>
      <c r="J63" s="19">
        <v>12</v>
      </c>
      <c r="K63" s="19">
        <v>60</v>
      </c>
    </row>
    <row r="64" spans="1:11" ht="15" customHeight="1">
      <c r="A64" s="17" t="s">
        <v>125</v>
      </c>
      <c r="B64" s="17"/>
      <c r="C64" s="13">
        <v>4535</v>
      </c>
      <c r="D64" s="19">
        <v>2382</v>
      </c>
      <c r="E64" s="19">
        <v>2153</v>
      </c>
      <c r="F64" s="19"/>
      <c r="G64" s="18" t="s">
        <v>126</v>
      </c>
      <c r="H64" s="17"/>
      <c r="I64" s="13">
        <v>52</v>
      </c>
      <c r="J64" s="19">
        <v>9</v>
      </c>
      <c r="K64" s="19">
        <v>4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93</v>
      </c>
      <c r="J65" s="19">
        <v>18</v>
      </c>
      <c r="K65" s="19">
        <v>7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307</v>
      </c>
      <c r="J66" s="29">
        <v>1086</v>
      </c>
      <c r="K66" s="29">
        <v>122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8" pageOrder="overThenDown" orientation="portrait" blackAndWhite="1" useFirstPageNumber="1" horizontalDpi="300" verticalDpi="300"/>
  <headerFooter scaleWithDoc="0"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3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9296</v>
      </c>
      <c r="D4" s="14">
        <v>138459</v>
      </c>
      <c r="E4" s="14">
        <v>14083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236</v>
      </c>
      <c r="D5" s="14">
        <v>5238</v>
      </c>
      <c r="E5" s="14">
        <v>4998</v>
      </c>
      <c r="F5" s="14"/>
      <c r="G5" s="18" t="s">
        <v>8</v>
      </c>
      <c r="H5" s="17"/>
      <c r="I5" s="13">
        <v>20548</v>
      </c>
      <c r="J5" s="14">
        <v>10708</v>
      </c>
      <c r="K5" s="14">
        <v>9840</v>
      </c>
    </row>
    <row r="6" spans="1:11" ht="15" customHeight="1">
      <c r="A6" s="17" t="s">
        <v>9</v>
      </c>
      <c r="B6" s="17"/>
      <c r="C6" s="13">
        <v>1995</v>
      </c>
      <c r="D6" s="19">
        <v>1034</v>
      </c>
      <c r="E6" s="19">
        <v>961</v>
      </c>
      <c r="F6" s="19"/>
      <c r="G6" s="18" t="s">
        <v>10</v>
      </c>
      <c r="H6" s="17"/>
      <c r="I6" s="13">
        <v>4444</v>
      </c>
      <c r="J6" s="19">
        <v>2333</v>
      </c>
      <c r="K6" s="19">
        <v>2111</v>
      </c>
    </row>
    <row r="7" spans="1:11" ht="15" customHeight="1">
      <c r="A7" s="17" t="s">
        <v>11</v>
      </c>
      <c r="B7" s="17"/>
      <c r="C7" s="13">
        <v>2057</v>
      </c>
      <c r="D7" s="19">
        <v>1011</v>
      </c>
      <c r="E7" s="19">
        <v>1046</v>
      </c>
      <c r="F7" s="19"/>
      <c r="G7" s="18" t="s">
        <v>12</v>
      </c>
      <c r="H7" s="17"/>
      <c r="I7" s="13">
        <v>4654</v>
      </c>
      <c r="J7" s="19">
        <v>2393</v>
      </c>
      <c r="K7" s="19">
        <v>2261</v>
      </c>
    </row>
    <row r="8" spans="1:11" ht="15" customHeight="1">
      <c r="A8" s="17" t="s">
        <v>13</v>
      </c>
      <c r="B8" s="17"/>
      <c r="C8" s="13">
        <v>2073</v>
      </c>
      <c r="D8" s="19">
        <v>1045</v>
      </c>
      <c r="E8" s="19">
        <v>1028</v>
      </c>
      <c r="F8" s="19"/>
      <c r="G8" s="18" t="s">
        <v>14</v>
      </c>
      <c r="H8" s="17"/>
      <c r="I8" s="13">
        <v>3321</v>
      </c>
      <c r="J8" s="19">
        <v>1722</v>
      </c>
      <c r="K8" s="19">
        <v>1599</v>
      </c>
    </row>
    <row r="9" spans="1:11" ht="15" customHeight="1">
      <c r="A9" s="17" t="s">
        <v>15</v>
      </c>
      <c r="B9" s="17"/>
      <c r="C9" s="13">
        <v>2026</v>
      </c>
      <c r="D9" s="19">
        <v>1085</v>
      </c>
      <c r="E9" s="19">
        <v>941</v>
      </c>
      <c r="F9" s="19"/>
      <c r="G9" s="18" t="s">
        <v>16</v>
      </c>
      <c r="H9" s="17"/>
      <c r="I9" s="13">
        <v>4309</v>
      </c>
      <c r="J9" s="19">
        <v>2272</v>
      </c>
      <c r="K9" s="19">
        <v>2037</v>
      </c>
    </row>
    <row r="10" spans="1:11" ht="15" customHeight="1">
      <c r="A10" s="17" t="s">
        <v>17</v>
      </c>
      <c r="B10" s="17"/>
      <c r="C10" s="13">
        <v>2085</v>
      </c>
      <c r="D10" s="19">
        <v>1063</v>
      </c>
      <c r="E10" s="19">
        <v>1022</v>
      </c>
      <c r="F10" s="19"/>
      <c r="G10" s="18" t="s">
        <v>18</v>
      </c>
      <c r="H10" s="17"/>
      <c r="I10" s="13">
        <v>3820</v>
      </c>
      <c r="J10" s="19">
        <v>1988</v>
      </c>
      <c r="K10" s="19">
        <v>1832</v>
      </c>
    </row>
    <row r="11" spans="1:11" ht="20.100000000000001" customHeight="1">
      <c r="A11" s="17" t="s">
        <v>19</v>
      </c>
      <c r="B11" s="17"/>
      <c r="C11" s="13">
        <v>10737</v>
      </c>
      <c r="D11" s="14">
        <v>5498</v>
      </c>
      <c r="E11" s="14">
        <v>5239</v>
      </c>
      <c r="F11" s="14"/>
      <c r="G11" s="18" t="s">
        <v>20</v>
      </c>
      <c r="H11" s="17"/>
      <c r="I11" s="13">
        <v>16435</v>
      </c>
      <c r="J11" s="14">
        <v>8469</v>
      </c>
      <c r="K11" s="14">
        <v>7966</v>
      </c>
    </row>
    <row r="12" spans="1:11" ht="15" customHeight="1">
      <c r="A12" s="17" t="s">
        <v>21</v>
      </c>
      <c r="B12" s="17"/>
      <c r="C12" s="13">
        <v>2028</v>
      </c>
      <c r="D12" s="19">
        <v>1087</v>
      </c>
      <c r="E12" s="19">
        <v>941</v>
      </c>
      <c r="F12" s="19"/>
      <c r="G12" s="18" t="s">
        <v>22</v>
      </c>
      <c r="H12" s="17"/>
      <c r="I12" s="13">
        <v>3585</v>
      </c>
      <c r="J12" s="19">
        <v>1860</v>
      </c>
      <c r="K12" s="19">
        <v>1725</v>
      </c>
    </row>
    <row r="13" spans="1:11" ht="15" customHeight="1">
      <c r="A13" s="17" t="s">
        <v>23</v>
      </c>
      <c r="B13" s="17"/>
      <c r="C13" s="13">
        <v>2100</v>
      </c>
      <c r="D13" s="19">
        <v>1052</v>
      </c>
      <c r="E13" s="19">
        <v>1048</v>
      </c>
      <c r="F13" s="19"/>
      <c r="G13" s="18" t="s">
        <v>24</v>
      </c>
      <c r="H13" s="17"/>
      <c r="I13" s="13">
        <v>3389</v>
      </c>
      <c r="J13" s="19">
        <v>1713</v>
      </c>
      <c r="K13" s="19">
        <v>1676</v>
      </c>
    </row>
    <row r="14" spans="1:11" ht="15" customHeight="1">
      <c r="A14" s="17" t="s">
        <v>25</v>
      </c>
      <c r="B14" s="17"/>
      <c r="C14" s="13">
        <v>2107</v>
      </c>
      <c r="D14" s="19">
        <v>1076</v>
      </c>
      <c r="E14" s="19">
        <v>1031</v>
      </c>
      <c r="F14" s="19"/>
      <c r="G14" s="18" t="s">
        <v>26</v>
      </c>
      <c r="H14" s="17"/>
      <c r="I14" s="13">
        <v>3184</v>
      </c>
      <c r="J14" s="19">
        <v>1678</v>
      </c>
      <c r="K14" s="19">
        <v>1506</v>
      </c>
    </row>
    <row r="15" spans="1:11" ht="15" customHeight="1">
      <c r="A15" s="17" t="s">
        <v>27</v>
      </c>
      <c r="B15" s="17"/>
      <c r="C15" s="13">
        <v>2250</v>
      </c>
      <c r="D15" s="19">
        <v>1142</v>
      </c>
      <c r="E15" s="19">
        <v>1108</v>
      </c>
      <c r="F15" s="19"/>
      <c r="G15" s="18" t="s">
        <v>28</v>
      </c>
      <c r="H15" s="17"/>
      <c r="I15" s="13">
        <v>3235</v>
      </c>
      <c r="J15" s="19">
        <v>1627</v>
      </c>
      <c r="K15" s="19">
        <v>1608</v>
      </c>
    </row>
    <row r="16" spans="1:11" ht="15" customHeight="1">
      <c r="A16" s="17" t="s">
        <v>29</v>
      </c>
      <c r="B16" s="17"/>
      <c r="C16" s="13">
        <v>2252</v>
      </c>
      <c r="D16" s="19">
        <v>1141</v>
      </c>
      <c r="E16" s="19">
        <v>1111</v>
      </c>
      <c r="F16" s="19"/>
      <c r="G16" s="18" t="s">
        <v>30</v>
      </c>
      <c r="H16" s="17"/>
      <c r="I16" s="13">
        <v>3042</v>
      </c>
      <c r="J16" s="19">
        <v>1591</v>
      </c>
      <c r="K16" s="19">
        <v>1451</v>
      </c>
    </row>
    <row r="17" spans="1:11" ht="20.100000000000001" customHeight="1">
      <c r="A17" s="20" t="s">
        <v>31</v>
      </c>
      <c r="B17" s="20"/>
      <c r="C17" s="13">
        <v>10901</v>
      </c>
      <c r="D17" s="14">
        <v>5627</v>
      </c>
      <c r="E17" s="14">
        <v>5274</v>
      </c>
      <c r="F17" s="14"/>
      <c r="G17" s="18" t="s">
        <v>32</v>
      </c>
      <c r="H17" s="17"/>
      <c r="I17" s="13">
        <v>14304</v>
      </c>
      <c r="J17" s="14">
        <v>7182</v>
      </c>
      <c r="K17" s="14">
        <v>7122</v>
      </c>
    </row>
    <row r="18" spans="1:11" ht="15" customHeight="1">
      <c r="A18" s="17" t="s">
        <v>33</v>
      </c>
      <c r="B18" s="17"/>
      <c r="C18" s="13">
        <v>2193</v>
      </c>
      <c r="D18" s="19">
        <v>1144</v>
      </c>
      <c r="E18" s="19">
        <v>1049</v>
      </c>
      <c r="F18" s="19">
        <v>1049</v>
      </c>
      <c r="G18" s="18" t="s">
        <v>34</v>
      </c>
      <c r="H18" s="17"/>
      <c r="I18" s="13">
        <v>2960</v>
      </c>
      <c r="J18" s="19">
        <v>1522</v>
      </c>
      <c r="K18" s="19">
        <v>1438</v>
      </c>
    </row>
    <row r="19" spans="1:11" ht="15" customHeight="1">
      <c r="A19" s="17" t="s">
        <v>35</v>
      </c>
      <c r="B19" s="17"/>
      <c r="C19" s="13">
        <v>2260</v>
      </c>
      <c r="D19" s="19">
        <v>1215</v>
      </c>
      <c r="E19" s="19">
        <v>1045</v>
      </c>
      <c r="F19" s="19">
        <v>1045</v>
      </c>
      <c r="G19" s="18" t="s">
        <v>36</v>
      </c>
      <c r="H19" s="17"/>
      <c r="I19" s="13">
        <v>2729</v>
      </c>
      <c r="J19" s="19">
        <v>1353</v>
      </c>
      <c r="K19" s="19">
        <v>1376</v>
      </c>
    </row>
    <row r="20" spans="1:11" ht="15" customHeight="1">
      <c r="A20" s="17" t="s">
        <v>37</v>
      </c>
      <c r="B20" s="17"/>
      <c r="C20" s="13">
        <v>2195</v>
      </c>
      <c r="D20" s="19">
        <v>1103</v>
      </c>
      <c r="E20" s="19">
        <v>1092</v>
      </c>
      <c r="F20" s="19">
        <v>1092</v>
      </c>
      <c r="G20" s="18" t="s">
        <v>38</v>
      </c>
      <c r="H20" s="17"/>
      <c r="I20" s="13">
        <v>2804</v>
      </c>
      <c r="J20" s="19">
        <v>1410</v>
      </c>
      <c r="K20" s="19">
        <v>1394</v>
      </c>
    </row>
    <row r="21" spans="1:11" ht="15" customHeight="1">
      <c r="A21" s="17" t="s">
        <v>39</v>
      </c>
      <c r="B21" s="17"/>
      <c r="C21" s="13">
        <v>2125</v>
      </c>
      <c r="D21" s="19">
        <v>1088</v>
      </c>
      <c r="E21" s="19">
        <v>1037</v>
      </c>
      <c r="F21" s="19">
        <v>1037</v>
      </c>
      <c r="G21" s="18" t="s">
        <v>40</v>
      </c>
      <c r="H21" s="17"/>
      <c r="I21" s="13">
        <v>2845</v>
      </c>
      <c r="J21" s="19">
        <v>1467</v>
      </c>
      <c r="K21" s="19">
        <v>1378</v>
      </c>
    </row>
    <row r="22" spans="1:11" ht="15" customHeight="1">
      <c r="A22" s="17" t="s">
        <v>41</v>
      </c>
      <c r="B22" s="17"/>
      <c r="C22" s="13">
        <v>2128</v>
      </c>
      <c r="D22" s="19">
        <v>1077</v>
      </c>
      <c r="E22" s="19">
        <v>1051</v>
      </c>
      <c r="F22" s="19">
        <v>1051</v>
      </c>
      <c r="G22" s="18" t="s">
        <v>42</v>
      </c>
      <c r="H22" s="17"/>
      <c r="I22" s="13">
        <v>2966</v>
      </c>
      <c r="J22" s="19">
        <v>1430</v>
      </c>
      <c r="K22" s="19">
        <v>1536</v>
      </c>
    </row>
    <row r="23" spans="1:11" ht="20.100000000000001" customHeight="1">
      <c r="A23" s="17" t="s">
        <v>43</v>
      </c>
      <c r="B23" s="17"/>
      <c r="C23" s="13">
        <v>11936</v>
      </c>
      <c r="D23" s="14">
        <v>6006</v>
      </c>
      <c r="E23" s="14">
        <v>5930</v>
      </c>
      <c r="F23" s="14"/>
      <c r="G23" s="18" t="s">
        <v>44</v>
      </c>
      <c r="H23" s="17"/>
      <c r="I23" s="13">
        <v>17473</v>
      </c>
      <c r="J23" s="14">
        <v>8342</v>
      </c>
      <c r="K23" s="14">
        <v>9131</v>
      </c>
    </row>
    <row r="24" spans="1:11" ht="15" customHeight="1">
      <c r="A24" s="17" t="s">
        <v>45</v>
      </c>
      <c r="B24" s="17"/>
      <c r="C24" s="13">
        <v>2258</v>
      </c>
      <c r="D24" s="19">
        <v>1173</v>
      </c>
      <c r="E24" s="19">
        <v>1085</v>
      </c>
      <c r="F24" s="19"/>
      <c r="G24" s="18" t="s">
        <v>46</v>
      </c>
      <c r="H24" s="17"/>
      <c r="I24" s="13">
        <v>2903</v>
      </c>
      <c r="J24" s="19">
        <v>1427</v>
      </c>
      <c r="K24" s="19">
        <v>1476</v>
      </c>
    </row>
    <row r="25" spans="1:11" ht="15" customHeight="1">
      <c r="A25" s="17" t="s">
        <v>47</v>
      </c>
      <c r="B25" s="17"/>
      <c r="C25" s="13">
        <v>2210</v>
      </c>
      <c r="D25" s="19">
        <v>1108</v>
      </c>
      <c r="E25" s="19">
        <v>1102</v>
      </c>
      <c r="F25" s="19"/>
      <c r="G25" s="18" t="s">
        <v>48</v>
      </c>
      <c r="H25" s="17"/>
      <c r="I25" s="13">
        <v>3231</v>
      </c>
      <c r="J25" s="19">
        <v>1552</v>
      </c>
      <c r="K25" s="19">
        <v>1679</v>
      </c>
    </row>
    <row r="26" spans="1:11" ht="15" customHeight="1">
      <c r="A26" s="17" t="s">
        <v>49</v>
      </c>
      <c r="B26" s="17"/>
      <c r="C26" s="13">
        <v>2392</v>
      </c>
      <c r="D26" s="19">
        <v>1234</v>
      </c>
      <c r="E26" s="19">
        <v>1158</v>
      </c>
      <c r="F26" s="19"/>
      <c r="G26" s="18" t="s">
        <v>50</v>
      </c>
      <c r="H26" s="17"/>
      <c r="I26" s="13">
        <v>3469</v>
      </c>
      <c r="J26" s="19">
        <v>1646</v>
      </c>
      <c r="K26" s="19">
        <v>1823</v>
      </c>
    </row>
    <row r="27" spans="1:11" ht="15" customHeight="1">
      <c r="A27" s="17" t="s">
        <v>51</v>
      </c>
      <c r="B27" s="17"/>
      <c r="C27" s="13">
        <v>2418</v>
      </c>
      <c r="D27" s="19">
        <v>1173</v>
      </c>
      <c r="E27" s="19">
        <v>1245</v>
      </c>
      <c r="F27" s="19"/>
      <c r="G27" s="18" t="s">
        <v>52</v>
      </c>
      <c r="H27" s="17"/>
      <c r="I27" s="13">
        <v>3633</v>
      </c>
      <c r="J27" s="19">
        <v>1702</v>
      </c>
      <c r="K27" s="19">
        <v>1931</v>
      </c>
    </row>
    <row r="28" spans="1:11" ht="15" customHeight="1">
      <c r="A28" s="17" t="s">
        <v>53</v>
      </c>
      <c r="B28" s="17"/>
      <c r="C28" s="13">
        <v>2658</v>
      </c>
      <c r="D28" s="19">
        <v>1318</v>
      </c>
      <c r="E28" s="19">
        <v>1340</v>
      </c>
      <c r="F28" s="19"/>
      <c r="G28" s="18" t="s">
        <v>54</v>
      </c>
      <c r="H28" s="17"/>
      <c r="I28" s="13">
        <v>4237</v>
      </c>
      <c r="J28" s="19">
        <v>2015</v>
      </c>
      <c r="K28" s="19">
        <v>2222</v>
      </c>
    </row>
    <row r="29" spans="1:11" ht="20.100000000000001" customHeight="1">
      <c r="A29" s="17" t="s">
        <v>55</v>
      </c>
      <c r="B29" s="17"/>
      <c r="C29" s="13">
        <v>16565</v>
      </c>
      <c r="D29" s="14">
        <v>8021</v>
      </c>
      <c r="E29" s="14">
        <v>8544</v>
      </c>
      <c r="F29" s="14"/>
      <c r="G29" s="18" t="s">
        <v>56</v>
      </c>
      <c r="H29" s="17"/>
      <c r="I29" s="13">
        <v>17361</v>
      </c>
      <c r="J29" s="14">
        <v>7908</v>
      </c>
      <c r="K29" s="14">
        <v>9453</v>
      </c>
    </row>
    <row r="30" spans="1:11" ht="15" customHeight="1">
      <c r="A30" s="17" t="s">
        <v>57</v>
      </c>
      <c r="B30" s="17"/>
      <c r="C30" s="13">
        <v>2760</v>
      </c>
      <c r="D30" s="19">
        <v>1353</v>
      </c>
      <c r="E30" s="19">
        <v>1407</v>
      </c>
      <c r="F30" s="19"/>
      <c r="G30" s="18" t="s">
        <v>58</v>
      </c>
      <c r="H30" s="17"/>
      <c r="I30" s="13">
        <v>4116</v>
      </c>
      <c r="J30" s="19">
        <v>1891</v>
      </c>
      <c r="K30" s="19">
        <v>2225</v>
      </c>
    </row>
    <row r="31" spans="1:11" ht="15" customHeight="1">
      <c r="A31" s="17" t="s">
        <v>59</v>
      </c>
      <c r="B31" s="17"/>
      <c r="C31" s="13">
        <v>3003</v>
      </c>
      <c r="D31" s="19">
        <v>1532</v>
      </c>
      <c r="E31" s="19">
        <v>1471</v>
      </c>
      <c r="F31" s="19"/>
      <c r="G31" s="18" t="s">
        <v>60</v>
      </c>
      <c r="H31" s="17"/>
      <c r="I31" s="13">
        <v>4151</v>
      </c>
      <c r="J31" s="19">
        <v>1892</v>
      </c>
      <c r="K31" s="19">
        <v>2259</v>
      </c>
    </row>
    <row r="32" spans="1:11" ht="15" customHeight="1">
      <c r="A32" s="17" t="s">
        <v>61</v>
      </c>
      <c r="B32" s="17"/>
      <c r="C32" s="13">
        <v>3539</v>
      </c>
      <c r="D32" s="19">
        <v>1724</v>
      </c>
      <c r="E32" s="19">
        <v>1815</v>
      </c>
      <c r="F32" s="19"/>
      <c r="G32" s="18" t="s">
        <v>62</v>
      </c>
      <c r="H32" s="17"/>
      <c r="I32" s="13">
        <v>2848</v>
      </c>
      <c r="J32" s="19">
        <v>1273</v>
      </c>
      <c r="K32" s="19">
        <v>1575</v>
      </c>
    </row>
    <row r="33" spans="1:11" ht="15" customHeight="1">
      <c r="A33" s="17" t="s">
        <v>63</v>
      </c>
      <c r="B33" s="17"/>
      <c r="C33" s="13">
        <v>3582</v>
      </c>
      <c r="D33" s="19">
        <v>1649</v>
      </c>
      <c r="E33" s="19">
        <v>1933</v>
      </c>
      <c r="F33" s="19"/>
      <c r="G33" s="18" t="s">
        <v>64</v>
      </c>
      <c r="H33" s="17"/>
      <c r="I33" s="13">
        <v>2716</v>
      </c>
      <c r="J33" s="19">
        <v>1240</v>
      </c>
      <c r="K33" s="19">
        <v>1476</v>
      </c>
    </row>
    <row r="34" spans="1:11" ht="15" customHeight="1">
      <c r="A34" s="17" t="s">
        <v>65</v>
      </c>
      <c r="B34" s="17"/>
      <c r="C34" s="13">
        <v>3681</v>
      </c>
      <c r="D34" s="19">
        <v>1763</v>
      </c>
      <c r="E34" s="19">
        <v>1918</v>
      </c>
      <c r="F34" s="19"/>
      <c r="G34" s="18" t="s">
        <v>66</v>
      </c>
      <c r="H34" s="17"/>
      <c r="I34" s="13">
        <v>3530</v>
      </c>
      <c r="J34" s="19">
        <v>1612</v>
      </c>
      <c r="K34" s="19">
        <v>1918</v>
      </c>
    </row>
    <row r="35" spans="1:11" ht="20.100000000000001" customHeight="1">
      <c r="A35" s="17" t="s">
        <v>67</v>
      </c>
      <c r="B35" s="17"/>
      <c r="C35" s="13">
        <v>16008</v>
      </c>
      <c r="D35" s="14">
        <v>8131</v>
      </c>
      <c r="E35" s="14">
        <v>7877</v>
      </c>
      <c r="F35" s="14"/>
      <c r="G35" s="18" t="s">
        <v>68</v>
      </c>
      <c r="H35" s="17"/>
      <c r="I35" s="13">
        <v>16263</v>
      </c>
      <c r="J35" s="14">
        <v>7445</v>
      </c>
      <c r="K35" s="14">
        <v>8818</v>
      </c>
    </row>
    <row r="36" spans="1:11" ht="15" customHeight="1">
      <c r="A36" s="17" t="s">
        <v>69</v>
      </c>
      <c r="B36" s="17"/>
      <c r="C36" s="13">
        <v>3611</v>
      </c>
      <c r="D36" s="19">
        <v>1748</v>
      </c>
      <c r="E36" s="19">
        <v>1863</v>
      </c>
      <c r="F36" s="19"/>
      <c r="G36" s="18" t="s">
        <v>70</v>
      </c>
      <c r="H36" s="17"/>
      <c r="I36" s="13">
        <v>3605</v>
      </c>
      <c r="J36" s="19">
        <v>1621</v>
      </c>
      <c r="K36" s="19">
        <v>1984</v>
      </c>
    </row>
    <row r="37" spans="1:11" ht="15" customHeight="1">
      <c r="A37" s="17" t="s">
        <v>71</v>
      </c>
      <c r="B37" s="17"/>
      <c r="C37" s="13">
        <v>3340</v>
      </c>
      <c r="D37" s="19">
        <v>1725</v>
      </c>
      <c r="E37" s="19">
        <v>1615</v>
      </c>
      <c r="F37" s="19"/>
      <c r="G37" s="18" t="s">
        <v>72</v>
      </c>
      <c r="H37" s="17"/>
      <c r="I37" s="13">
        <v>3490</v>
      </c>
      <c r="J37" s="19">
        <v>1628</v>
      </c>
      <c r="K37" s="19">
        <v>1862</v>
      </c>
    </row>
    <row r="38" spans="1:11" ht="15" customHeight="1">
      <c r="A38" s="17" t="s">
        <v>73</v>
      </c>
      <c r="B38" s="17"/>
      <c r="C38" s="13">
        <v>3029</v>
      </c>
      <c r="D38" s="19">
        <v>1563</v>
      </c>
      <c r="E38" s="19">
        <v>1466</v>
      </c>
      <c r="F38" s="19"/>
      <c r="G38" s="18" t="s">
        <v>74</v>
      </c>
      <c r="H38" s="17"/>
      <c r="I38" s="13">
        <v>3527</v>
      </c>
      <c r="J38" s="19">
        <v>1585</v>
      </c>
      <c r="K38" s="19">
        <v>1942</v>
      </c>
    </row>
    <row r="39" spans="1:11" ht="15" customHeight="1">
      <c r="A39" s="17" t="s">
        <v>75</v>
      </c>
      <c r="B39" s="17"/>
      <c r="C39" s="13">
        <v>3041</v>
      </c>
      <c r="D39" s="19">
        <v>1537</v>
      </c>
      <c r="E39" s="19">
        <v>1504</v>
      </c>
      <c r="F39" s="19"/>
      <c r="G39" s="18" t="s">
        <v>76</v>
      </c>
      <c r="H39" s="17"/>
      <c r="I39" s="13">
        <v>3088</v>
      </c>
      <c r="J39" s="19">
        <v>1437</v>
      </c>
      <c r="K39" s="19">
        <v>1651</v>
      </c>
    </row>
    <row r="40" spans="1:11" ht="15" customHeight="1">
      <c r="A40" s="17" t="s">
        <v>77</v>
      </c>
      <c r="B40" s="17"/>
      <c r="C40" s="13">
        <v>2987</v>
      </c>
      <c r="D40" s="19">
        <v>1558</v>
      </c>
      <c r="E40" s="19">
        <v>1429</v>
      </c>
      <c r="F40" s="19"/>
      <c r="G40" s="18" t="s">
        <v>78</v>
      </c>
      <c r="H40" s="17"/>
      <c r="I40" s="13">
        <v>2553</v>
      </c>
      <c r="J40" s="19">
        <v>1174</v>
      </c>
      <c r="K40" s="19">
        <v>1379</v>
      </c>
    </row>
    <row r="41" spans="1:11" ht="20.100000000000001" customHeight="1">
      <c r="A41" s="17" t="s">
        <v>79</v>
      </c>
      <c r="B41" s="17"/>
      <c r="C41" s="13">
        <v>15732</v>
      </c>
      <c r="D41" s="14">
        <v>8174</v>
      </c>
      <c r="E41" s="14">
        <v>7558</v>
      </c>
      <c r="F41" s="14"/>
      <c r="G41" s="18" t="s">
        <v>80</v>
      </c>
      <c r="H41" s="17"/>
      <c r="I41" s="13">
        <v>11057</v>
      </c>
      <c r="J41" s="14">
        <v>4985</v>
      </c>
      <c r="K41" s="14">
        <v>6072</v>
      </c>
    </row>
    <row r="42" spans="1:11" ht="15" customHeight="1">
      <c r="A42" s="17" t="s">
        <v>81</v>
      </c>
      <c r="B42" s="17"/>
      <c r="C42" s="13">
        <v>3153</v>
      </c>
      <c r="D42" s="19">
        <v>1614</v>
      </c>
      <c r="E42" s="19">
        <v>1539</v>
      </c>
      <c r="F42" s="19"/>
      <c r="G42" s="18" t="s">
        <v>82</v>
      </c>
      <c r="H42" s="17"/>
      <c r="I42" s="13">
        <v>2504</v>
      </c>
      <c r="J42" s="19">
        <v>1200</v>
      </c>
      <c r="K42" s="19">
        <v>1304</v>
      </c>
    </row>
    <row r="43" spans="1:11" ht="15" customHeight="1">
      <c r="A43" s="17" t="s">
        <v>83</v>
      </c>
      <c r="B43" s="17"/>
      <c r="C43" s="13">
        <v>3088</v>
      </c>
      <c r="D43" s="19">
        <v>1621</v>
      </c>
      <c r="E43" s="19">
        <v>1467</v>
      </c>
      <c r="F43" s="19"/>
      <c r="G43" s="18" t="s">
        <v>84</v>
      </c>
      <c r="H43" s="17"/>
      <c r="I43" s="13">
        <v>2574</v>
      </c>
      <c r="J43" s="19">
        <v>1190</v>
      </c>
      <c r="K43" s="19">
        <v>1384</v>
      </c>
    </row>
    <row r="44" spans="1:11" ht="15" customHeight="1">
      <c r="A44" s="17" t="s">
        <v>85</v>
      </c>
      <c r="B44" s="17"/>
      <c r="C44" s="13">
        <v>3014</v>
      </c>
      <c r="D44" s="19">
        <v>1558</v>
      </c>
      <c r="E44" s="19">
        <v>1456</v>
      </c>
      <c r="F44" s="19"/>
      <c r="G44" s="18" t="s">
        <v>86</v>
      </c>
      <c r="H44" s="17"/>
      <c r="I44" s="13">
        <v>2264</v>
      </c>
      <c r="J44" s="19">
        <v>981</v>
      </c>
      <c r="K44" s="19">
        <v>1283</v>
      </c>
    </row>
    <row r="45" spans="1:11" ht="15" customHeight="1">
      <c r="A45" s="17" t="s">
        <v>87</v>
      </c>
      <c r="B45" s="17"/>
      <c r="C45" s="13">
        <v>3200</v>
      </c>
      <c r="D45" s="19">
        <v>1686</v>
      </c>
      <c r="E45" s="19">
        <v>1514</v>
      </c>
      <c r="F45" s="19"/>
      <c r="G45" s="18" t="s">
        <v>88</v>
      </c>
      <c r="H45" s="17"/>
      <c r="I45" s="13">
        <v>2004</v>
      </c>
      <c r="J45" s="19">
        <v>895</v>
      </c>
      <c r="K45" s="19">
        <v>1109</v>
      </c>
    </row>
    <row r="46" spans="1:11" ht="15" customHeight="1">
      <c r="A46" s="17" t="s">
        <v>89</v>
      </c>
      <c r="B46" s="17"/>
      <c r="C46" s="13">
        <v>3277</v>
      </c>
      <c r="D46" s="19">
        <v>1695</v>
      </c>
      <c r="E46" s="19">
        <v>1582</v>
      </c>
      <c r="F46" s="19"/>
      <c r="G46" s="18" t="s">
        <v>90</v>
      </c>
      <c r="H46" s="17"/>
      <c r="I46" s="13">
        <v>1711</v>
      </c>
      <c r="J46" s="19">
        <v>719</v>
      </c>
      <c r="K46" s="19">
        <v>992</v>
      </c>
    </row>
    <row r="47" spans="1:11" ht="20.100000000000001" customHeight="1">
      <c r="A47" s="17" t="s">
        <v>91</v>
      </c>
      <c r="B47" s="17"/>
      <c r="C47" s="13">
        <v>17500</v>
      </c>
      <c r="D47" s="14">
        <v>9193</v>
      </c>
      <c r="E47" s="14">
        <v>8307</v>
      </c>
      <c r="F47" s="14"/>
      <c r="G47" s="18" t="s">
        <v>92</v>
      </c>
      <c r="H47" s="17"/>
      <c r="I47" s="13">
        <v>6196</v>
      </c>
      <c r="J47" s="14">
        <v>2402</v>
      </c>
      <c r="K47" s="14">
        <v>3794</v>
      </c>
    </row>
    <row r="48" spans="1:11" ht="15" customHeight="1">
      <c r="A48" s="17" t="s">
        <v>93</v>
      </c>
      <c r="B48" s="17"/>
      <c r="C48" s="13">
        <v>3476</v>
      </c>
      <c r="D48" s="19">
        <v>1834</v>
      </c>
      <c r="E48" s="19">
        <v>1642</v>
      </c>
      <c r="F48" s="19"/>
      <c r="G48" s="18" t="s">
        <v>94</v>
      </c>
      <c r="H48" s="17"/>
      <c r="I48" s="13">
        <v>1613</v>
      </c>
      <c r="J48" s="19">
        <v>657</v>
      </c>
      <c r="K48" s="19">
        <v>956</v>
      </c>
    </row>
    <row r="49" spans="1:11" ht="15" customHeight="1">
      <c r="A49" s="17" t="s">
        <v>95</v>
      </c>
      <c r="B49" s="17"/>
      <c r="C49" s="13">
        <v>3397</v>
      </c>
      <c r="D49" s="19">
        <v>1749</v>
      </c>
      <c r="E49" s="19">
        <v>1648</v>
      </c>
      <c r="F49" s="19"/>
      <c r="G49" s="18" t="s">
        <v>96</v>
      </c>
      <c r="H49" s="17"/>
      <c r="I49" s="13">
        <v>1444</v>
      </c>
      <c r="J49" s="19">
        <v>568</v>
      </c>
      <c r="K49" s="19">
        <v>876</v>
      </c>
    </row>
    <row r="50" spans="1:11" ht="15" customHeight="1">
      <c r="A50" s="17" t="s">
        <v>97</v>
      </c>
      <c r="B50" s="17"/>
      <c r="C50" s="13">
        <v>3454</v>
      </c>
      <c r="D50" s="19">
        <v>1823</v>
      </c>
      <c r="E50" s="19">
        <v>1631</v>
      </c>
      <c r="F50" s="19"/>
      <c r="G50" s="18" t="s">
        <v>98</v>
      </c>
      <c r="H50" s="17"/>
      <c r="I50" s="13">
        <v>1165</v>
      </c>
      <c r="J50" s="19">
        <v>471</v>
      </c>
      <c r="K50" s="19">
        <v>694</v>
      </c>
    </row>
    <row r="51" spans="1:11" ht="15" customHeight="1">
      <c r="A51" s="17" t="s">
        <v>99</v>
      </c>
      <c r="B51" s="17"/>
      <c r="C51" s="13">
        <v>3530</v>
      </c>
      <c r="D51" s="19">
        <v>1839</v>
      </c>
      <c r="E51" s="19">
        <v>1691</v>
      </c>
      <c r="F51" s="19"/>
      <c r="G51" s="18" t="s">
        <v>100</v>
      </c>
      <c r="H51" s="17"/>
      <c r="I51" s="13">
        <v>1086</v>
      </c>
      <c r="J51" s="19">
        <v>410</v>
      </c>
      <c r="K51" s="19">
        <v>676</v>
      </c>
    </row>
    <row r="52" spans="1:11" ht="15" customHeight="1">
      <c r="A52" s="17" t="s">
        <v>101</v>
      </c>
      <c r="B52" s="17"/>
      <c r="C52" s="13">
        <v>3643</v>
      </c>
      <c r="D52" s="19">
        <v>1948</v>
      </c>
      <c r="E52" s="19">
        <v>1695</v>
      </c>
      <c r="F52" s="19"/>
      <c r="G52" s="18" t="s">
        <v>102</v>
      </c>
      <c r="H52" s="17"/>
      <c r="I52" s="13">
        <v>888</v>
      </c>
      <c r="J52" s="19">
        <v>296</v>
      </c>
      <c r="K52" s="19">
        <v>592</v>
      </c>
    </row>
    <row r="53" spans="1:11" ht="20.100000000000001" customHeight="1">
      <c r="A53" s="17" t="s">
        <v>103</v>
      </c>
      <c r="B53" s="17"/>
      <c r="C53" s="13">
        <v>20445</v>
      </c>
      <c r="D53" s="14">
        <v>10596</v>
      </c>
      <c r="E53" s="14">
        <v>9849</v>
      </c>
      <c r="F53" s="14"/>
      <c r="G53" s="18" t="s">
        <v>104</v>
      </c>
      <c r="H53" s="17"/>
      <c r="I53" s="13">
        <v>2665</v>
      </c>
      <c r="J53" s="14">
        <v>783</v>
      </c>
      <c r="K53" s="14">
        <v>1882</v>
      </c>
    </row>
    <row r="54" spans="1:11" ht="15" customHeight="1">
      <c r="A54" s="17" t="s">
        <v>105</v>
      </c>
      <c r="B54" s="17"/>
      <c r="C54" s="13">
        <v>3816</v>
      </c>
      <c r="D54" s="19">
        <v>1964</v>
      </c>
      <c r="E54" s="19">
        <v>1852</v>
      </c>
      <c r="F54" s="19"/>
      <c r="G54" s="18" t="s">
        <v>106</v>
      </c>
      <c r="H54" s="17"/>
      <c r="I54" s="13">
        <v>757</v>
      </c>
      <c r="J54" s="19">
        <v>234</v>
      </c>
      <c r="K54" s="19">
        <v>523</v>
      </c>
    </row>
    <row r="55" spans="1:11" ht="15" customHeight="1">
      <c r="A55" s="17" t="s">
        <v>107</v>
      </c>
      <c r="B55" s="17"/>
      <c r="C55" s="13">
        <v>3884</v>
      </c>
      <c r="D55" s="19">
        <v>2013</v>
      </c>
      <c r="E55" s="19">
        <v>1871</v>
      </c>
      <c r="F55" s="19"/>
      <c r="G55" s="18" t="s">
        <v>108</v>
      </c>
      <c r="H55" s="17"/>
      <c r="I55" s="13">
        <v>624</v>
      </c>
      <c r="J55" s="19">
        <v>204</v>
      </c>
      <c r="K55" s="19">
        <v>420</v>
      </c>
    </row>
    <row r="56" spans="1:11" ht="15" customHeight="1">
      <c r="A56" s="17" t="s">
        <v>109</v>
      </c>
      <c r="B56" s="17"/>
      <c r="C56" s="13">
        <v>4042</v>
      </c>
      <c r="D56" s="19">
        <v>2115</v>
      </c>
      <c r="E56" s="19">
        <v>1927</v>
      </c>
      <c r="F56" s="19"/>
      <c r="G56" s="18" t="s">
        <v>110</v>
      </c>
      <c r="H56" s="17"/>
      <c r="I56" s="13">
        <v>552</v>
      </c>
      <c r="J56" s="19">
        <v>151</v>
      </c>
      <c r="K56" s="19">
        <v>401</v>
      </c>
    </row>
    <row r="57" spans="1:11" ht="15" customHeight="1">
      <c r="A57" s="17" t="s">
        <v>111</v>
      </c>
      <c r="B57" s="17"/>
      <c r="C57" s="13">
        <v>4192</v>
      </c>
      <c r="D57" s="19">
        <v>2151</v>
      </c>
      <c r="E57" s="19">
        <v>2041</v>
      </c>
      <c r="F57" s="19"/>
      <c r="G57" s="18" t="s">
        <v>112</v>
      </c>
      <c r="H57" s="17"/>
      <c r="I57" s="13">
        <v>407</v>
      </c>
      <c r="J57" s="19">
        <v>113</v>
      </c>
      <c r="K57" s="19">
        <v>294</v>
      </c>
    </row>
    <row r="58" spans="1:11" ht="15" customHeight="1">
      <c r="A58" s="17" t="s">
        <v>113</v>
      </c>
      <c r="B58" s="17"/>
      <c r="C58" s="13">
        <v>4511</v>
      </c>
      <c r="D58" s="19">
        <v>2353</v>
      </c>
      <c r="E58" s="19">
        <v>2158</v>
      </c>
      <c r="F58" s="19"/>
      <c r="G58" s="18" t="s">
        <v>114</v>
      </c>
      <c r="H58" s="17"/>
      <c r="I58" s="13">
        <v>325</v>
      </c>
      <c r="J58" s="19">
        <v>81</v>
      </c>
      <c r="K58" s="19">
        <v>244</v>
      </c>
    </row>
    <row r="59" spans="1:11" ht="20.100000000000001" customHeight="1">
      <c r="A59" s="17" t="s">
        <v>115</v>
      </c>
      <c r="B59" s="17"/>
      <c r="C59" s="13">
        <v>23445</v>
      </c>
      <c r="D59" s="14">
        <v>12045</v>
      </c>
      <c r="E59" s="14">
        <v>11400</v>
      </c>
      <c r="F59" s="14"/>
      <c r="G59" s="18" t="s">
        <v>116</v>
      </c>
      <c r="H59" s="17"/>
      <c r="I59" s="13">
        <v>780</v>
      </c>
      <c r="J59" s="14">
        <v>128</v>
      </c>
      <c r="K59" s="14">
        <v>652</v>
      </c>
    </row>
    <row r="60" spans="1:11" ht="15" customHeight="1">
      <c r="A60" s="17" t="s">
        <v>117</v>
      </c>
      <c r="B60" s="17"/>
      <c r="C60" s="13">
        <v>4749</v>
      </c>
      <c r="D60" s="19">
        <v>2433</v>
      </c>
      <c r="E60" s="19">
        <v>2316</v>
      </c>
      <c r="F60" s="19"/>
      <c r="G60" s="18" t="s">
        <v>118</v>
      </c>
      <c r="H60" s="17"/>
      <c r="I60" s="13">
        <v>277</v>
      </c>
      <c r="J60" s="19">
        <v>58</v>
      </c>
      <c r="K60" s="19">
        <v>219</v>
      </c>
    </row>
    <row r="61" spans="1:11" ht="15" customHeight="1">
      <c r="A61" s="17" t="s">
        <v>119</v>
      </c>
      <c r="B61" s="17"/>
      <c r="C61" s="13">
        <v>4735</v>
      </c>
      <c r="D61" s="19">
        <v>2412</v>
      </c>
      <c r="E61" s="19">
        <v>2323</v>
      </c>
      <c r="F61" s="19"/>
      <c r="G61" s="18" t="s">
        <v>120</v>
      </c>
      <c r="H61" s="17"/>
      <c r="I61" s="13">
        <v>157</v>
      </c>
      <c r="J61" s="19">
        <v>22</v>
      </c>
      <c r="K61" s="19">
        <v>135</v>
      </c>
    </row>
    <row r="62" spans="1:11" ht="15" customHeight="1">
      <c r="A62" s="17" t="s">
        <v>121</v>
      </c>
      <c r="B62" s="17"/>
      <c r="C62" s="13">
        <v>4750</v>
      </c>
      <c r="D62" s="19">
        <v>2423</v>
      </c>
      <c r="E62" s="19">
        <v>2327</v>
      </c>
      <c r="F62" s="19"/>
      <c r="G62" s="18" t="s">
        <v>122</v>
      </c>
      <c r="H62" s="17"/>
      <c r="I62" s="13">
        <v>151</v>
      </c>
      <c r="J62" s="19">
        <v>23</v>
      </c>
      <c r="K62" s="19">
        <v>128</v>
      </c>
    </row>
    <row r="63" spans="1:11" ht="15" customHeight="1">
      <c r="A63" s="17" t="s">
        <v>123</v>
      </c>
      <c r="B63" s="17"/>
      <c r="C63" s="13">
        <v>4658</v>
      </c>
      <c r="D63" s="19">
        <v>2395</v>
      </c>
      <c r="E63" s="19">
        <v>2263</v>
      </c>
      <c r="F63" s="19"/>
      <c r="G63" s="18" t="s">
        <v>124</v>
      </c>
      <c r="H63" s="17"/>
      <c r="I63" s="13">
        <v>114</v>
      </c>
      <c r="J63" s="19">
        <v>20</v>
      </c>
      <c r="K63" s="19">
        <v>94</v>
      </c>
    </row>
    <row r="64" spans="1:11" ht="15" customHeight="1">
      <c r="A64" s="17" t="s">
        <v>125</v>
      </c>
      <c r="B64" s="17"/>
      <c r="C64" s="13">
        <v>4553</v>
      </c>
      <c r="D64" s="19">
        <v>2382</v>
      </c>
      <c r="E64" s="19">
        <v>2171</v>
      </c>
      <c r="F64" s="19"/>
      <c r="G64" s="18" t="s">
        <v>126</v>
      </c>
      <c r="H64" s="17"/>
      <c r="I64" s="13">
        <v>81</v>
      </c>
      <c r="J64" s="19">
        <v>5</v>
      </c>
      <c r="K64" s="19">
        <v>7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54</v>
      </c>
      <c r="J65" s="19">
        <v>24</v>
      </c>
      <c r="K65" s="19">
        <v>13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555</v>
      </c>
      <c r="J66" s="29">
        <v>1554</v>
      </c>
      <c r="K66" s="29">
        <v>100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99" pageOrder="overThenDown" orientation="portrait" blackAndWhite="1" useFirstPageNumber="1" horizontalDpi="300" verticalDpi="300"/>
  <headerFooter scaleWithDoc="0"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35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3324</v>
      </c>
      <c r="D4" s="14">
        <v>123383</v>
      </c>
      <c r="E4" s="14">
        <v>11994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569</v>
      </c>
      <c r="D5" s="14">
        <v>4801</v>
      </c>
      <c r="E5" s="14">
        <v>4768</v>
      </c>
      <c r="F5" s="14"/>
      <c r="G5" s="18" t="s">
        <v>8</v>
      </c>
      <c r="H5" s="17"/>
      <c r="I5" s="13">
        <v>17935</v>
      </c>
      <c r="J5" s="14">
        <v>9528</v>
      </c>
      <c r="K5" s="14">
        <v>8407</v>
      </c>
    </row>
    <row r="6" spans="1:11" ht="15" customHeight="1">
      <c r="A6" s="17" t="s">
        <v>9</v>
      </c>
      <c r="B6" s="17"/>
      <c r="C6" s="13">
        <v>1922</v>
      </c>
      <c r="D6" s="19">
        <v>972</v>
      </c>
      <c r="E6" s="19">
        <v>950</v>
      </c>
      <c r="F6" s="19"/>
      <c r="G6" s="18" t="s">
        <v>10</v>
      </c>
      <c r="H6" s="17"/>
      <c r="I6" s="13">
        <v>3885</v>
      </c>
      <c r="J6" s="19">
        <v>2045</v>
      </c>
      <c r="K6" s="19">
        <v>1840</v>
      </c>
    </row>
    <row r="7" spans="1:11" ht="15" customHeight="1">
      <c r="A7" s="17" t="s">
        <v>11</v>
      </c>
      <c r="B7" s="17"/>
      <c r="C7" s="13">
        <v>1965</v>
      </c>
      <c r="D7" s="19">
        <v>970</v>
      </c>
      <c r="E7" s="19">
        <v>995</v>
      </c>
      <c r="F7" s="19"/>
      <c r="G7" s="18" t="s">
        <v>12</v>
      </c>
      <c r="H7" s="17"/>
      <c r="I7" s="13">
        <v>4121</v>
      </c>
      <c r="J7" s="19">
        <v>2248</v>
      </c>
      <c r="K7" s="19">
        <v>1873</v>
      </c>
    </row>
    <row r="8" spans="1:11" ht="15" customHeight="1">
      <c r="A8" s="17" t="s">
        <v>13</v>
      </c>
      <c r="B8" s="17"/>
      <c r="C8" s="13">
        <v>1949</v>
      </c>
      <c r="D8" s="19">
        <v>1002</v>
      </c>
      <c r="E8" s="19">
        <v>947</v>
      </c>
      <c r="F8" s="19"/>
      <c r="G8" s="18" t="s">
        <v>14</v>
      </c>
      <c r="H8" s="17"/>
      <c r="I8" s="13">
        <v>2877</v>
      </c>
      <c r="J8" s="19">
        <v>1514</v>
      </c>
      <c r="K8" s="19">
        <v>1363</v>
      </c>
    </row>
    <row r="9" spans="1:11" ht="15" customHeight="1">
      <c r="A9" s="17" t="s">
        <v>15</v>
      </c>
      <c r="B9" s="17"/>
      <c r="C9" s="13">
        <v>1853</v>
      </c>
      <c r="D9" s="19">
        <v>917</v>
      </c>
      <c r="E9" s="19">
        <v>936</v>
      </c>
      <c r="F9" s="19"/>
      <c r="G9" s="18" t="s">
        <v>16</v>
      </c>
      <c r="H9" s="17"/>
      <c r="I9" s="13">
        <v>3626</v>
      </c>
      <c r="J9" s="19">
        <v>1899</v>
      </c>
      <c r="K9" s="19">
        <v>1727</v>
      </c>
    </row>
    <row r="10" spans="1:11" ht="15" customHeight="1">
      <c r="A10" s="17" t="s">
        <v>17</v>
      </c>
      <c r="B10" s="17"/>
      <c r="C10" s="13">
        <v>1880</v>
      </c>
      <c r="D10" s="19">
        <v>940</v>
      </c>
      <c r="E10" s="19">
        <v>940</v>
      </c>
      <c r="F10" s="19"/>
      <c r="G10" s="18" t="s">
        <v>18</v>
      </c>
      <c r="H10" s="17"/>
      <c r="I10" s="13">
        <v>3426</v>
      </c>
      <c r="J10" s="19">
        <v>1822</v>
      </c>
      <c r="K10" s="19">
        <v>1604</v>
      </c>
    </row>
    <row r="11" spans="1:11" ht="20.100000000000001" customHeight="1">
      <c r="A11" s="17" t="s">
        <v>19</v>
      </c>
      <c r="B11" s="17"/>
      <c r="C11" s="13">
        <v>8956</v>
      </c>
      <c r="D11" s="14">
        <v>4548</v>
      </c>
      <c r="E11" s="14">
        <v>4408</v>
      </c>
      <c r="F11" s="14"/>
      <c r="G11" s="18" t="s">
        <v>20</v>
      </c>
      <c r="H11" s="17"/>
      <c r="I11" s="13">
        <v>13967</v>
      </c>
      <c r="J11" s="14">
        <v>7325</v>
      </c>
      <c r="K11" s="14">
        <v>6642</v>
      </c>
    </row>
    <row r="12" spans="1:11" ht="15" customHeight="1">
      <c r="A12" s="17" t="s">
        <v>21</v>
      </c>
      <c r="B12" s="17"/>
      <c r="C12" s="13">
        <v>1783</v>
      </c>
      <c r="D12" s="19">
        <v>919</v>
      </c>
      <c r="E12" s="19">
        <v>864</v>
      </c>
      <c r="F12" s="19"/>
      <c r="G12" s="18" t="s">
        <v>22</v>
      </c>
      <c r="H12" s="17"/>
      <c r="I12" s="13">
        <v>3140</v>
      </c>
      <c r="J12" s="19">
        <v>1726</v>
      </c>
      <c r="K12" s="19">
        <v>1414</v>
      </c>
    </row>
    <row r="13" spans="1:11" ht="15" customHeight="1">
      <c r="A13" s="17" t="s">
        <v>23</v>
      </c>
      <c r="B13" s="17"/>
      <c r="C13" s="13">
        <v>1834</v>
      </c>
      <c r="D13" s="19">
        <v>936</v>
      </c>
      <c r="E13" s="19">
        <v>898</v>
      </c>
      <c r="F13" s="19"/>
      <c r="G13" s="18" t="s">
        <v>24</v>
      </c>
      <c r="H13" s="17"/>
      <c r="I13" s="13">
        <v>2828</v>
      </c>
      <c r="J13" s="19">
        <v>1500</v>
      </c>
      <c r="K13" s="19">
        <v>1328</v>
      </c>
    </row>
    <row r="14" spans="1:11" ht="15" customHeight="1">
      <c r="A14" s="17" t="s">
        <v>25</v>
      </c>
      <c r="B14" s="17"/>
      <c r="C14" s="13">
        <v>1771</v>
      </c>
      <c r="D14" s="19">
        <v>884</v>
      </c>
      <c r="E14" s="19">
        <v>887</v>
      </c>
      <c r="F14" s="19"/>
      <c r="G14" s="18" t="s">
        <v>26</v>
      </c>
      <c r="H14" s="17"/>
      <c r="I14" s="13">
        <v>2751</v>
      </c>
      <c r="J14" s="19">
        <v>1429</v>
      </c>
      <c r="K14" s="19">
        <v>1322</v>
      </c>
    </row>
    <row r="15" spans="1:11" ht="15" customHeight="1">
      <c r="A15" s="17" t="s">
        <v>27</v>
      </c>
      <c r="B15" s="17"/>
      <c r="C15" s="13">
        <v>1808</v>
      </c>
      <c r="D15" s="19">
        <v>924</v>
      </c>
      <c r="E15" s="19">
        <v>884</v>
      </c>
      <c r="F15" s="19"/>
      <c r="G15" s="18" t="s">
        <v>28</v>
      </c>
      <c r="H15" s="17"/>
      <c r="I15" s="13">
        <v>2672</v>
      </c>
      <c r="J15" s="19">
        <v>1364</v>
      </c>
      <c r="K15" s="19">
        <v>1308</v>
      </c>
    </row>
    <row r="16" spans="1:11" ht="15" customHeight="1">
      <c r="A16" s="17" t="s">
        <v>29</v>
      </c>
      <c r="B16" s="17"/>
      <c r="C16" s="13">
        <v>1760</v>
      </c>
      <c r="D16" s="19">
        <v>885</v>
      </c>
      <c r="E16" s="19">
        <v>875</v>
      </c>
      <c r="F16" s="19"/>
      <c r="G16" s="18" t="s">
        <v>30</v>
      </c>
      <c r="H16" s="17"/>
      <c r="I16" s="13">
        <v>2576</v>
      </c>
      <c r="J16" s="19">
        <v>1306</v>
      </c>
      <c r="K16" s="19">
        <v>1270</v>
      </c>
    </row>
    <row r="17" spans="1:11" ht="20.100000000000001" customHeight="1">
      <c r="A17" s="20" t="s">
        <v>31</v>
      </c>
      <c r="B17" s="20"/>
      <c r="C17" s="13">
        <v>8834</v>
      </c>
      <c r="D17" s="14">
        <v>4519</v>
      </c>
      <c r="E17" s="14">
        <v>4315</v>
      </c>
      <c r="F17" s="14"/>
      <c r="G17" s="18" t="s">
        <v>32</v>
      </c>
      <c r="H17" s="17"/>
      <c r="I17" s="13">
        <v>12103</v>
      </c>
      <c r="J17" s="14">
        <v>6235</v>
      </c>
      <c r="K17" s="14">
        <v>5868</v>
      </c>
    </row>
    <row r="18" spans="1:11" ht="15" customHeight="1">
      <c r="A18" s="17" t="s">
        <v>33</v>
      </c>
      <c r="B18" s="17"/>
      <c r="C18" s="13">
        <v>1794</v>
      </c>
      <c r="D18" s="19">
        <v>907</v>
      </c>
      <c r="E18" s="19">
        <v>887</v>
      </c>
      <c r="F18" s="19"/>
      <c r="G18" s="18" t="s">
        <v>34</v>
      </c>
      <c r="H18" s="17"/>
      <c r="I18" s="13">
        <v>2552</v>
      </c>
      <c r="J18" s="19">
        <v>1338</v>
      </c>
      <c r="K18" s="19">
        <v>1214</v>
      </c>
    </row>
    <row r="19" spans="1:11" ht="15" customHeight="1">
      <c r="A19" s="17" t="s">
        <v>35</v>
      </c>
      <c r="B19" s="17"/>
      <c r="C19" s="13">
        <v>1829</v>
      </c>
      <c r="D19" s="19">
        <v>920</v>
      </c>
      <c r="E19" s="19">
        <v>909</v>
      </c>
      <c r="F19" s="19"/>
      <c r="G19" s="18" t="s">
        <v>36</v>
      </c>
      <c r="H19" s="17"/>
      <c r="I19" s="13">
        <v>2401</v>
      </c>
      <c r="J19" s="19">
        <v>1229</v>
      </c>
      <c r="K19" s="19">
        <v>1172</v>
      </c>
    </row>
    <row r="20" spans="1:11" ht="15" customHeight="1">
      <c r="A20" s="17" t="s">
        <v>37</v>
      </c>
      <c r="B20" s="17"/>
      <c r="C20" s="13">
        <v>1731</v>
      </c>
      <c r="D20" s="19">
        <v>906</v>
      </c>
      <c r="E20" s="19">
        <v>825</v>
      </c>
      <c r="F20" s="19"/>
      <c r="G20" s="18" t="s">
        <v>38</v>
      </c>
      <c r="H20" s="17"/>
      <c r="I20" s="13">
        <v>2447</v>
      </c>
      <c r="J20" s="19">
        <v>1248</v>
      </c>
      <c r="K20" s="19">
        <v>1199</v>
      </c>
    </row>
    <row r="21" spans="1:11" ht="15" customHeight="1">
      <c r="A21" s="17" t="s">
        <v>39</v>
      </c>
      <c r="B21" s="17"/>
      <c r="C21" s="13">
        <v>1676</v>
      </c>
      <c r="D21" s="19">
        <v>874</v>
      </c>
      <c r="E21" s="19">
        <v>802</v>
      </c>
      <c r="F21" s="19"/>
      <c r="G21" s="18" t="s">
        <v>40</v>
      </c>
      <c r="H21" s="17"/>
      <c r="I21" s="13">
        <v>2345</v>
      </c>
      <c r="J21" s="19">
        <v>1210</v>
      </c>
      <c r="K21" s="19">
        <v>1135</v>
      </c>
    </row>
    <row r="22" spans="1:11" ht="15" customHeight="1">
      <c r="A22" s="17" t="s">
        <v>41</v>
      </c>
      <c r="B22" s="17"/>
      <c r="C22" s="13">
        <v>1804</v>
      </c>
      <c r="D22" s="19">
        <v>912</v>
      </c>
      <c r="E22" s="19">
        <v>892</v>
      </c>
      <c r="F22" s="19"/>
      <c r="G22" s="18" t="s">
        <v>42</v>
      </c>
      <c r="H22" s="17"/>
      <c r="I22" s="13">
        <v>2358</v>
      </c>
      <c r="J22" s="19">
        <v>1210</v>
      </c>
      <c r="K22" s="19">
        <v>1148</v>
      </c>
    </row>
    <row r="23" spans="1:11" ht="20.100000000000001" customHeight="1">
      <c r="A23" s="17" t="s">
        <v>43</v>
      </c>
      <c r="B23" s="17"/>
      <c r="C23" s="13">
        <v>9203</v>
      </c>
      <c r="D23" s="14">
        <v>4669</v>
      </c>
      <c r="E23" s="14">
        <v>4534</v>
      </c>
      <c r="F23" s="14"/>
      <c r="G23" s="18" t="s">
        <v>44</v>
      </c>
      <c r="H23" s="17"/>
      <c r="I23" s="13">
        <v>14040</v>
      </c>
      <c r="J23" s="14">
        <v>7083</v>
      </c>
      <c r="K23" s="14">
        <v>6957</v>
      </c>
    </row>
    <row r="24" spans="1:11" ht="15" customHeight="1">
      <c r="A24" s="17" t="s">
        <v>45</v>
      </c>
      <c r="B24" s="17"/>
      <c r="C24" s="13">
        <v>1720</v>
      </c>
      <c r="D24" s="19">
        <v>887</v>
      </c>
      <c r="E24" s="19">
        <v>833</v>
      </c>
      <c r="F24" s="19"/>
      <c r="G24" s="18" t="s">
        <v>46</v>
      </c>
      <c r="H24" s="17"/>
      <c r="I24" s="13">
        <v>2491</v>
      </c>
      <c r="J24" s="19">
        <v>1314</v>
      </c>
      <c r="K24" s="19">
        <v>1177</v>
      </c>
    </row>
    <row r="25" spans="1:11" ht="15" customHeight="1">
      <c r="A25" s="17" t="s">
        <v>47</v>
      </c>
      <c r="B25" s="17"/>
      <c r="C25" s="13">
        <v>1741</v>
      </c>
      <c r="D25" s="19">
        <v>861</v>
      </c>
      <c r="E25" s="19">
        <v>880</v>
      </c>
      <c r="F25" s="19"/>
      <c r="G25" s="18" t="s">
        <v>48</v>
      </c>
      <c r="H25" s="17"/>
      <c r="I25" s="13">
        <v>2673</v>
      </c>
      <c r="J25" s="19">
        <v>1351</v>
      </c>
      <c r="K25" s="19">
        <v>1322</v>
      </c>
    </row>
    <row r="26" spans="1:11" ht="15" customHeight="1">
      <c r="A26" s="17" t="s">
        <v>49</v>
      </c>
      <c r="B26" s="17"/>
      <c r="C26" s="13">
        <v>1818</v>
      </c>
      <c r="D26" s="19">
        <v>959</v>
      </c>
      <c r="E26" s="19">
        <v>859</v>
      </c>
      <c r="F26" s="19"/>
      <c r="G26" s="18" t="s">
        <v>50</v>
      </c>
      <c r="H26" s="17"/>
      <c r="I26" s="13">
        <v>2651</v>
      </c>
      <c r="J26" s="19">
        <v>1331</v>
      </c>
      <c r="K26" s="19">
        <v>1320</v>
      </c>
    </row>
    <row r="27" spans="1:11" ht="15" customHeight="1">
      <c r="A27" s="17" t="s">
        <v>51</v>
      </c>
      <c r="B27" s="17"/>
      <c r="C27" s="13">
        <v>1858</v>
      </c>
      <c r="D27" s="19">
        <v>925</v>
      </c>
      <c r="E27" s="19">
        <v>933</v>
      </c>
      <c r="F27" s="19"/>
      <c r="G27" s="18" t="s">
        <v>52</v>
      </c>
      <c r="H27" s="17"/>
      <c r="I27" s="13">
        <v>2903</v>
      </c>
      <c r="J27" s="19">
        <v>1455</v>
      </c>
      <c r="K27" s="19">
        <v>1448</v>
      </c>
    </row>
    <row r="28" spans="1:11" ht="15" customHeight="1">
      <c r="A28" s="17" t="s">
        <v>53</v>
      </c>
      <c r="B28" s="17"/>
      <c r="C28" s="13">
        <v>2066</v>
      </c>
      <c r="D28" s="19">
        <v>1037</v>
      </c>
      <c r="E28" s="19">
        <v>1029</v>
      </c>
      <c r="F28" s="19"/>
      <c r="G28" s="18" t="s">
        <v>54</v>
      </c>
      <c r="H28" s="17"/>
      <c r="I28" s="13">
        <v>3322</v>
      </c>
      <c r="J28" s="19">
        <v>1632</v>
      </c>
      <c r="K28" s="19">
        <v>1690</v>
      </c>
    </row>
    <row r="29" spans="1:11" ht="20.100000000000001" customHeight="1">
      <c r="A29" s="17" t="s">
        <v>55</v>
      </c>
      <c r="B29" s="17"/>
      <c r="C29" s="13">
        <v>16128</v>
      </c>
      <c r="D29" s="14">
        <v>9024</v>
      </c>
      <c r="E29" s="14">
        <v>7104</v>
      </c>
      <c r="F29" s="14"/>
      <c r="G29" s="18" t="s">
        <v>56</v>
      </c>
      <c r="H29" s="17"/>
      <c r="I29" s="13">
        <v>12514</v>
      </c>
      <c r="J29" s="14">
        <v>6062</v>
      </c>
      <c r="K29" s="14">
        <v>6452</v>
      </c>
    </row>
    <row r="30" spans="1:11" ht="15" customHeight="1">
      <c r="A30" s="17" t="s">
        <v>57</v>
      </c>
      <c r="B30" s="17"/>
      <c r="C30" s="13">
        <v>2267</v>
      </c>
      <c r="D30" s="19">
        <v>1217</v>
      </c>
      <c r="E30" s="19">
        <v>1050</v>
      </c>
      <c r="F30" s="19"/>
      <c r="G30" s="18" t="s">
        <v>58</v>
      </c>
      <c r="H30" s="17"/>
      <c r="I30" s="13">
        <v>3186</v>
      </c>
      <c r="J30" s="19">
        <v>1547</v>
      </c>
      <c r="K30" s="19">
        <v>1639</v>
      </c>
    </row>
    <row r="31" spans="1:11" ht="15" customHeight="1">
      <c r="A31" s="17" t="s">
        <v>59</v>
      </c>
      <c r="B31" s="17"/>
      <c r="C31" s="13">
        <v>2668</v>
      </c>
      <c r="D31" s="19">
        <v>1394</v>
      </c>
      <c r="E31" s="19">
        <v>1274</v>
      </c>
      <c r="F31" s="19"/>
      <c r="G31" s="18" t="s">
        <v>60</v>
      </c>
      <c r="H31" s="17"/>
      <c r="I31" s="13">
        <v>3161</v>
      </c>
      <c r="J31" s="19">
        <v>1554</v>
      </c>
      <c r="K31" s="19">
        <v>1607</v>
      </c>
    </row>
    <row r="32" spans="1:11" ht="15" customHeight="1">
      <c r="A32" s="17" t="s">
        <v>61</v>
      </c>
      <c r="B32" s="17"/>
      <c r="C32" s="13">
        <v>3457</v>
      </c>
      <c r="D32" s="19">
        <v>2003</v>
      </c>
      <c r="E32" s="19">
        <v>1454</v>
      </c>
      <c r="F32" s="19"/>
      <c r="G32" s="18" t="s">
        <v>62</v>
      </c>
      <c r="H32" s="17"/>
      <c r="I32" s="13">
        <v>1985</v>
      </c>
      <c r="J32" s="19">
        <v>949</v>
      </c>
      <c r="K32" s="19">
        <v>1036</v>
      </c>
    </row>
    <row r="33" spans="1:11" ht="15" customHeight="1">
      <c r="A33" s="17" t="s">
        <v>63</v>
      </c>
      <c r="B33" s="17"/>
      <c r="C33" s="13">
        <v>3846</v>
      </c>
      <c r="D33" s="19">
        <v>2174</v>
      </c>
      <c r="E33" s="19">
        <v>1672</v>
      </c>
      <c r="F33" s="19"/>
      <c r="G33" s="18" t="s">
        <v>64</v>
      </c>
      <c r="H33" s="17"/>
      <c r="I33" s="13">
        <v>1951</v>
      </c>
      <c r="J33" s="19">
        <v>970</v>
      </c>
      <c r="K33" s="19">
        <v>981</v>
      </c>
    </row>
    <row r="34" spans="1:11" ht="15" customHeight="1">
      <c r="A34" s="17" t="s">
        <v>65</v>
      </c>
      <c r="B34" s="17"/>
      <c r="C34" s="13">
        <v>3890</v>
      </c>
      <c r="D34" s="19">
        <v>2236</v>
      </c>
      <c r="E34" s="19">
        <v>1654</v>
      </c>
      <c r="F34" s="19"/>
      <c r="G34" s="18" t="s">
        <v>66</v>
      </c>
      <c r="H34" s="17"/>
      <c r="I34" s="13">
        <v>2231</v>
      </c>
      <c r="J34" s="19">
        <v>1042</v>
      </c>
      <c r="K34" s="19">
        <v>1189</v>
      </c>
    </row>
    <row r="35" spans="1:11" ht="20.100000000000001" customHeight="1">
      <c r="A35" s="17" t="s">
        <v>67</v>
      </c>
      <c r="B35" s="17"/>
      <c r="C35" s="13">
        <v>17027</v>
      </c>
      <c r="D35" s="14">
        <v>9214</v>
      </c>
      <c r="E35" s="14">
        <v>7813</v>
      </c>
      <c r="F35" s="14"/>
      <c r="G35" s="18" t="s">
        <v>68</v>
      </c>
      <c r="H35" s="17"/>
      <c r="I35" s="13">
        <v>10457</v>
      </c>
      <c r="J35" s="14">
        <v>4571</v>
      </c>
      <c r="K35" s="14">
        <v>5886</v>
      </c>
    </row>
    <row r="36" spans="1:11" ht="15" customHeight="1">
      <c r="A36" s="17" t="s">
        <v>69</v>
      </c>
      <c r="B36" s="17"/>
      <c r="C36" s="13">
        <v>3798</v>
      </c>
      <c r="D36" s="19">
        <v>2194</v>
      </c>
      <c r="E36" s="19">
        <v>1604</v>
      </c>
      <c r="F36" s="19"/>
      <c r="G36" s="18" t="s">
        <v>70</v>
      </c>
      <c r="H36" s="17"/>
      <c r="I36" s="13">
        <v>2376</v>
      </c>
      <c r="J36" s="19">
        <v>1062</v>
      </c>
      <c r="K36" s="19">
        <v>1314</v>
      </c>
    </row>
    <row r="37" spans="1:11" ht="15" customHeight="1">
      <c r="A37" s="17" t="s">
        <v>71</v>
      </c>
      <c r="B37" s="17"/>
      <c r="C37" s="13">
        <v>3453</v>
      </c>
      <c r="D37" s="19">
        <v>1902</v>
      </c>
      <c r="E37" s="19">
        <v>1551</v>
      </c>
      <c r="F37" s="19"/>
      <c r="G37" s="18" t="s">
        <v>72</v>
      </c>
      <c r="H37" s="17"/>
      <c r="I37" s="13">
        <v>2231</v>
      </c>
      <c r="J37" s="19">
        <v>1003</v>
      </c>
      <c r="K37" s="19">
        <v>1228</v>
      </c>
    </row>
    <row r="38" spans="1:11" ht="15" customHeight="1">
      <c r="A38" s="17" t="s">
        <v>73</v>
      </c>
      <c r="B38" s="17"/>
      <c r="C38" s="13">
        <v>3288</v>
      </c>
      <c r="D38" s="19">
        <v>1744</v>
      </c>
      <c r="E38" s="19">
        <v>1544</v>
      </c>
      <c r="F38" s="19"/>
      <c r="G38" s="18" t="s">
        <v>74</v>
      </c>
      <c r="H38" s="17"/>
      <c r="I38" s="13">
        <v>2133</v>
      </c>
      <c r="J38" s="19">
        <v>940</v>
      </c>
      <c r="K38" s="19">
        <v>1193</v>
      </c>
    </row>
    <row r="39" spans="1:11" ht="15" customHeight="1">
      <c r="A39" s="17" t="s">
        <v>75</v>
      </c>
      <c r="B39" s="17"/>
      <c r="C39" s="13">
        <v>3390</v>
      </c>
      <c r="D39" s="19">
        <v>1760</v>
      </c>
      <c r="E39" s="19">
        <v>1630</v>
      </c>
      <c r="F39" s="19"/>
      <c r="G39" s="18" t="s">
        <v>76</v>
      </c>
      <c r="H39" s="17"/>
      <c r="I39" s="13">
        <v>1988</v>
      </c>
      <c r="J39" s="19">
        <v>848</v>
      </c>
      <c r="K39" s="19">
        <v>1140</v>
      </c>
    </row>
    <row r="40" spans="1:11" ht="15" customHeight="1">
      <c r="A40" s="17" t="s">
        <v>77</v>
      </c>
      <c r="B40" s="17"/>
      <c r="C40" s="13">
        <v>3098</v>
      </c>
      <c r="D40" s="19">
        <v>1614</v>
      </c>
      <c r="E40" s="19">
        <v>1484</v>
      </c>
      <c r="F40" s="19"/>
      <c r="G40" s="18" t="s">
        <v>78</v>
      </c>
      <c r="H40" s="17"/>
      <c r="I40" s="13">
        <v>1729</v>
      </c>
      <c r="J40" s="19">
        <v>718</v>
      </c>
      <c r="K40" s="19">
        <v>1011</v>
      </c>
    </row>
    <row r="41" spans="1:11" ht="20.100000000000001" customHeight="1">
      <c r="A41" s="17" t="s">
        <v>79</v>
      </c>
      <c r="B41" s="17"/>
      <c r="C41" s="13">
        <v>16738</v>
      </c>
      <c r="D41" s="14">
        <v>8722</v>
      </c>
      <c r="E41" s="14">
        <v>8016</v>
      </c>
      <c r="F41" s="14"/>
      <c r="G41" s="18" t="s">
        <v>80</v>
      </c>
      <c r="H41" s="17"/>
      <c r="I41" s="13">
        <v>7813</v>
      </c>
      <c r="J41" s="14">
        <v>3147</v>
      </c>
      <c r="K41" s="14">
        <v>4666</v>
      </c>
    </row>
    <row r="42" spans="1:11" ht="15" customHeight="1">
      <c r="A42" s="17" t="s">
        <v>81</v>
      </c>
      <c r="B42" s="17"/>
      <c r="C42" s="13">
        <v>3298</v>
      </c>
      <c r="D42" s="19">
        <v>1744</v>
      </c>
      <c r="E42" s="19">
        <v>1554</v>
      </c>
      <c r="F42" s="19"/>
      <c r="G42" s="18" t="s">
        <v>82</v>
      </c>
      <c r="H42" s="17"/>
      <c r="I42" s="13">
        <v>1609</v>
      </c>
      <c r="J42" s="19">
        <v>720</v>
      </c>
      <c r="K42" s="19">
        <v>889</v>
      </c>
    </row>
    <row r="43" spans="1:11" ht="15" customHeight="1">
      <c r="A43" s="17" t="s">
        <v>83</v>
      </c>
      <c r="B43" s="17"/>
      <c r="C43" s="13">
        <v>3186</v>
      </c>
      <c r="D43" s="19">
        <v>1649</v>
      </c>
      <c r="E43" s="19">
        <v>1537</v>
      </c>
      <c r="F43" s="19"/>
      <c r="G43" s="18" t="s">
        <v>84</v>
      </c>
      <c r="H43" s="17"/>
      <c r="I43" s="13">
        <v>1719</v>
      </c>
      <c r="J43" s="19">
        <v>717</v>
      </c>
      <c r="K43" s="19">
        <v>1002</v>
      </c>
    </row>
    <row r="44" spans="1:11" ht="15" customHeight="1">
      <c r="A44" s="17" t="s">
        <v>85</v>
      </c>
      <c r="B44" s="17"/>
      <c r="C44" s="13">
        <v>3350</v>
      </c>
      <c r="D44" s="19">
        <v>1723</v>
      </c>
      <c r="E44" s="19">
        <v>1627</v>
      </c>
      <c r="F44" s="19"/>
      <c r="G44" s="18" t="s">
        <v>86</v>
      </c>
      <c r="H44" s="17"/>
      <c r="I44" s="13">
        <v>1553</v>
      </c>
      <c r="J44" s="19">
        <v>624</v>
      </c>
      <c r="K44" s="19">
        <v>929</v>
      </c>
    </row>
    <row r="45" spans="1:11" ht="15" customHeight="1">
      <c r="A45" s="17" t="s">
        <v>87</v>
      </c>
      <c r="B45" s="17"/>
      <c r="C45" s="13">
        <v>3510</v>
      </c>
      <c r="D45" s="19">
        <v>1847</v>
      </c>
      <c r="E45" s="19">
        <v>1663</v>
      </c>
      <c r="F45" s="19"/>
      <c r="G45" s="18" t="s">
        <v>88</v>
      </c>
      <c r="H45" s="17"/>
      <c r="I45" s="13">
        <v>1589</v>
      </c>
      <c r="J45" s="19">
        <v>613</v>
      </c>
      <c r="K45" s="19">
        <v>976</v>
      </c>
    </row>
    <row r="46" spans="1:11" ht="15" customHeight="1">
      <c r="A46" s="17" t="s">
        <v>89</v>
      </c>
      <c r="B46" s="17"/>
      <c r="C46" s="13">
        <v>3394</v>
      </c>
      <c r="D46" s="19">
        <v>1759</v>
      </c>
      <c r="E46" s="19">
        <v>1635</v>
      </c>
      <c r="F46" s="19"/>
      <c r="G46" s="18" t="s">
        <v>90</v>
      </c>
      <c r="H46" s="17"/>
      <c r="I46" s="13">
        <v>1343</v>
      </c>
      <c r="J46" s="19">
        <v>473</v>
      </c>
      <c r="K46" s="19">
        <v>870</v>
      </c>
    </row>
    <row r="47" spans="1:11" ht="20.100000000000001" customHeight="1">
      <c r="A47" s="17" t="s">
        <v>91</v>
      </c>
      <c r="B47" s="17"/>
      <c r="C47" s="13">
        <v>17238</v>
      </c>
      <c r="D47" s="14">
        <v>8887</v>
      </c>
      <c r="E47" s="14">
        <v>8351</v>
      </c>
      <c r="F47" s="14"/>
      <c r="G47" s="18" t="s">
        <v>92</v>
      </c>
      <c r="H47" s="17"/>
      <c r="I47" s="13">
        <v>5040</v>
      </c>
      <c r="J47" s="14">
        <v>1733</v>
      </c>
      <c r="K47" s="14">
        <v>3307</v>
      </c>
    </row>
    <row r="48" spans="1:11" ht="15" customHeight="1">
      <c r="A48" s="17" t="s">
        <v>93</v>
      </c>
      <c r="B48" s="17"/>
      <c r="C48" s="13">
        <v>3436</v>
      </c>
      <c r="D48" s="43">
        <v>1757</v>
      </c>
      <c r="E48" s="43">
        <v>1679</v>
      </c>
      <c r="F48" s="19"/>
      <c r="G48" s="18" t="s">
        <v>94</v>
      </c>
      <c r="H48" s="17"/>
      <c r="I48" s="13">
        <v>1235</v>
      </c>
      <c r="J48" s="19">
        <v>438</v>
      </c>
      <c r="K48" s="19">
        <v>797</v>
      </c>
    </row>
    <row r="49" spans="1:11" ht="15" customHeight="1">
      <c r="A49" s="17" t="s">
        <v>95</v>
      </c>
      <c r="B49" s="17"/>
      <c r="C49" s="13">
        <v>3381</v>
      </c>
      <c r="D49" s="43">
        <v>1701</v>
      </c>
      <c r="E49" s="43">
        <v>1680</v>
      </c>
      <c r="F49" s="19"/>
      <c r="G49" s="18" t="s">
        <v>96</v>
      </c>
      <c r="H49" s="17"/>
      <c r="I49" s="13">
        <v>1103</v>
      </c>
      <c r="J49" s="19">
        <v>392</v>
      </c>
      <c r="K49" s="19">
        <v>711</v>
      </c>
    </row>
    <row r="50" spans="1:11" ht="15" customHeight="1">
      <c r="A50" s="17" t="s">
        <v>97</v>
      </c>
      <c r="B50" s="17"/>
      <c r="C50" s="13">
        <v>3390</v>
      </c>
      <c r="D50" s="43">
        <v>1789</v>
      </c>
      <c r="E50" s="43">
        <v>1601</v>
      </c>
      <c r="F50" s="19"/>
      <c r="G50" s="18" t="s">
        <v>98</v>
      </c>
      <c r="H50" s="17"/>
      <c r="I50" s="13">
        <v>1026</v>
      </c>
      <c r="J50" s="19">
        <v>354</v>
      </c>
      <c r="K50" s="19">
        <v>672</v>
      </c>
    </row>
    <row r="51" spans="1:11" ht="15" customHeight="1">
      <c r="A51" s="17" t="s">
        <v>99</v>
      </c>
      <c r="B51" s="17"/>
      <c r="C51" s="13">
        <v>3479</v>
      </c>
      <c r="D51" s="43">
        <v>1805</v>
      </c>
      <c r="E51" s="43">
        <v>1674</v>
      </c>
      <c r="F51" s="19"/>
      <c r="G51" s="18" t="s">
        <v>100</v>
      </c>
      <c r="H51" s="17"/>
      <c r="I51" s="13">
        <v>892</v>
      </c>
      <c r="J51" s="19">
        <v>316</v>
      </c>
      <c r="K51" s="19">
        <v>576</v>
      </c>
    </row>
    <row r="52" spans="1:11" ht="15" customHeight="1">
      <c r="A52" s="17" t="s">
        <v>101</v>
      </c>
      <c r="B52" s="17"/>
      <c r="C52" s="13">
        <v>3552</v>
      </c>
      <c r="D52" s="43">
        <v>1835</v>
      </c>
      <c r="E52" s="43">
        <v>1717</v>
      </c>
      <c r="F52" s="19"/>
      <c r="G52" s="18" t="s">
        <v>102</v>
      </c>
      <c r="H52" s="17"/>
      <c r="I52" s="13">
        <v>784</v>
      </c>
      <c r="J52" s="19">
        <v>233</v>
      </c>
      <c r="K52" s="19">
        <v>551</v>
      </c>
    </row>
    <row r="53" spans="1:11" ht="20.100000000000001" customHeight="1">
      <c r="A53" s="17" t="s">
        <v>103</v>
      </c>
      <c r="B53" s="17"/>
      <c r="C53" s="13">
        <v>19361</v>
      </c>
      <c r="D53" s="14">
        <v>10080</v>
      </c>
      <c r="E53" s="14">
        <v>9281</v>
      </c>
      <c r="F53" s="14"/>
      <c r="G53" s="18" t="s">
        <v>104</v>
      </c>
      <c r="H53" s="17"/>
      <c r="I53" s="13">
        <v>2267</v>
      </c>
      <c r="J53" s="14">
        <v>638</v>
      </c>
      <c r="K53" s="14">
        <v>1629</v>
      </c>
    </row>
    <row r="54" spans="1:11" ht="15" customHeight="1">
      <c r="A54" s="17" t="s">
        <v>105</v>
      </c>
      <c r="B54" s="17"/>
      <c r="C54" s="13">
        <v>3816</v>
      </c>
      <c r="D54" s="19">
        <v>1990</v>
      </c>
      <c r="E54" s="19">
        <v>1826</v>
      </c>
      <c r="F54" s="19"/>
      <c r="G54" s="18" t="s">
        <v>106</v>
      </c>
      <c r="H54" s="17"/>
      <c r="I54" s="13">
        <v>660</v>
      </c>
      <c r="J54" s="19">
        <v>185</v>
      </c>
      <c r="K54" s="19">
        <v>475</v>
      </c>
    </row>
    <row r="55" spans="1:11" ht="15" customHeight="1">
      <c r="A55" s="17" t="s">
        <v>107</v>
      </c>
      <c r="B55" s="17"/>
      <c r="C55" s="13">
        <v>3729</v>
      </c>
      <c r="D55" s="19">
        <v>1912</v>
      </c>
      <c r="E55" s="19">
        <v>1817</v>
      </c>
      <c r="F55" s="19"/>
      <c r="G55" s="18" t="s">
        <v>108</v>
      </c>
      <c r="H55" s="17"/>
      <c r="I55" s="13">
        <v>551</v>
      </c>
      <c r="J55" s="19">
        <v>168</v>
      </c>
      <c r="K55" s="19">
        <v>383</v>
      </c>
    </row>
    <row r="56" spans="1:11" ht="15" customHeight="1">
      <c r="A56" s="17" t="s">
        <v>109</v>
      </c>
      <c r="B56" s="17"/>
      <c r="C56" s="13">
        <v>3767</v>
      </c>
      <c r="D56" s="19">
        <v>1972</v>
      </c>
      <c r="E56" s="19">
        <v>1795</v>
      </c>
      <c r="F56" s="19"/>
      <c r="G56" s="18" t="s">
        <v>110</v>
      </c>
      <c r="H56" s="17"/>
      <c r="I56" s="13">
        <v>438</v>
      </c>
      <c r="J56" s="19">
        <v>115</v>
      </c>
      <c r="K56" s="19">
        <v>323</v>
      </c>
    </row>
    <row r="57" spans="1:11" ht="15" customHeight="1">
      <c r="A57" s="17" t="s">
        <v>111</v>
      </c>
      <c r="B57" s="17"/>
      <c r="C57" s="13">
        <v>3912</v>
      </c>
      <c r="D57" s="19">
        <v>2053</v>
      </c>
      <c r="E57" s="19">
        <v>1859</v>
      </c>
      <c r="F57" s="19"/>
      <c r="G57" s="18" t="s">
        <v>112</v>
      </c>
      <c r="H57" s="17"/>
      <c r="I57" s="13">
        <v>362</v>
      </c>
      <c r="J57" s="19">
        <v>103</v>
      </c>
      <c r="K57" s="19">
        <v>259</v>
      </c>
    </row>
    <row r="58" spans="1:11" ht="15" customHeight="1">
      <c r="A58" s="17" t="s">
        <v>113</v>
      </c>
      <c r="B58" s="17"/>
      <c r="C58" s="13">
        <v>4137</v>
      </c>
      <c r="D58" s="19">
        <v>2153</v>
      </c>
      <c r="E58" s="19">
        <v>1984</v>
      </c>
      <c r="F58" s="19"/>
      <c r="G58" s="18" t="s">
        <v>114</v>
      </c>
      <c r="H58" s="17"/>
      <c r="I58" s="13">
        <v>256</v>
      </c>
      <c r="J58" s="19">
        <v>67</v>
      </c>
      <c r="K58" s="19">
        <v>189</v>
      </c>
    </row>
    <row r="59" spans="1:11" ht="20.100000000000001" customHeight="1">
      <c r="A59" s="17" t="s">
        <v>115</v>
      </c>
      <c r="B59" s="17"/>
      <c r="C59" s="13">
        <v>21201</v>
      </c>
      <c r="D59" s="14">
        <v>10959</v>
      </c>
      <c r="E59" s="14">
        <v>10242</v>
      </c>
      <c r="F59" s="14"/>
      <c r="G59" s="18" t="s">
        <v>116</v>
      </c>
      <c r="H59" s="17"/>
      <c r="I59" s="13">
        <v>528</v>
      </c>
      <c r="J59" s="14">
        <v>120</v>
      </c>
      <c r="K59" s="14">
        <v>408</v>
      </c>
    </row>
    <row r="60" spans="1:11" ht="15" customHeight="1">
      <c r="A60" s="17" t="s">
        <v>117</v>
      </c>
      <c r="B60" s="17"/>
      <c r="C60" s="13">
        <v>4427</v>
      </c>
      <c r="D60" s="19">
        <v>2269</v>
      </c>
      <c r="E60" s="19">
        <v>2158</v>
      </c>
      <c r="F60" s="19"/>
      <c r="G60" s="18" t="s">
        <v>118</v>
      </c>
      <c r="H60" s="17"/>
      <c r="I60" s="13">
        <v>212</v>
      </c>
      <c r="J60" s="19">
        <v>41</v>
      </c>
      <c r="K60" s="19">
        <v>171</v>
      </c>
    </row>
    <row r="61" spans="1:11" ht="15" customHeight="1">
      <c r="A61" s="17" t="s">
        <v>119</v>
      </c>
      <c r="B61" s="17"/>
      <c r="C61" s="13">
        <v>4285</v>
      </c>
      <c r="D61" s="19">
        <v>2146</v>
      </c>
      <c r="E61" s="19">
        <v>2139</v>
      </c>
      <c r="F61" s="19"/>
      <c r="G61" s="18" t="s">
        <v>120</v>
      </c>
      <c r="H61" s="17"/>
      <c r="I61" s="13">
        <v>106</v>
      </c>
      <c r="J61" s="19">
        <v>23</v>
      </c>
      <c r="K61" s="19">
        <v>83</v>
      </c>
    </row>
    <row r="62" spans="1:11" ht="15" customHeight="1">
      <c r="A62" s="17" t="s">
        <v>121</v>
      </c>
      <c r="B62" s="17"/>
      <c r="C62" s="13">
        <v>4076</v>
      </c>
      <c r="D62" s="19">
        <v>2093</v>
      </c>
      <c r="E62" s="19">
        <v>1983</v>
      </c>
      <c r="F62" s="19"/>
      <c r="G62" s="18" t="s">
        <v>122</v>
      </c>
      <c r="H62" s="17"/>
      <c r="I62" s="13">
        <v>70</v>
      </c>
      <c r="J62" s="19">
        <v>15</v>
      </c>
      <c r="K62" s="19">
        <v>55</v>
      </c>
    </row>
    <row r="63" spans="1:11" ht="15" customHeight="1">
      <c r="A63" s="17" t="s">
        <v>123</v>
      </c>
      <c r="B63" s="17"/>
      <c r="C63" s="13">
        <v>4290</v>
      </c>
      <c r="D63" s="19">
        <v>2234</v>
      </c>
      <c r="E63" s="19">
        <v>2056</v>
      </c>
      <c r="F63" s="19"/>
      <c r="G63" s="18" t="s">
        <v>124</v>
      </c>
      <c r="H63" s="17"/>
      <c r="I63" s="13">
        <v>69</v>
      </c>
      <c r="J63" s="19">
        <v>22</v>
      </c>
      <c r="K63" s="19">
        <v>47</v>
      </c>
    </row>
    <row r="64" spans="1:11" ht="15" customHeight="1">
      <c r="A64" s="17" t="s">
        <v>125</v>
      </c>
      <c r="B64" s="17"/>
      <c r="C64" s="13">
        <v>4123</v>
      </c>
      <c r="D64" s="19">
        <v>2217</v>
      </c>
      <c r="E64" s="19">
        <v>1906</v>
      </c>
      <c r="F64" s="19"/>
      <c r="G64" s="18" t="s">
        <v>126</v>
      </c>
      <c r="H64" s="17"/>
      <c r="I64" s="13">
        <v>71</v>
      </c>
      <c r="J64" s="19">
        <v>19</v>
      </c>
      <c r="K64" s="19">
        <v>5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5</v>
      </c>
      <c r="J65" s="19">
        <v>0</v>
      </c>
      <c r="K65" s="19">
        <v>5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350</v>
      </c>
      <c r="J66" s="29">
        <v>1518</v>
      </c>
      <c r="K66" s="29">
        <v>83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4" pageOrder="overThenDown" orientation="portrait" blackAndWhite="1" useFirstPageNumber="1" horizontalDpi="300" verticalDpi="300"/>
  <headerFooter scaleWithDoc="0"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25247</v>
      </c>
      <c r="D4" s="14">
        <v>116490</v>
      </c>
      <c r="E4" s="14">
        <v>10875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090</v>
      </c>
      <c r="D5" s="14">
        <v>4054</v>
      </c>
      <c r="E5" s="14">
        <v>4036</v>
      </c>
      <c r="F5" s="14"/>
      <c r="G5" s="18" t="s">
        <v>8</v>
      </c>
      <c r="H5" s="17"/>
      <c r="I5" s="13">
        <v>16117</v>
      </c>
      <c r="J5" s="14">
        <v>8767</v>
      </c>
      <c r="K5" s="14">
        <v>7350</v>
      </c>
    </row>
    <row r="6" spans="1:11" ht="15" customHeight="1">
      <c r="A6" s="17" t="s">
        <v>9</v>
      </c>
      <c r="B6" s="17"/>
      <c r="C6" s="13">
        <v>1503</v>
      </c>
      <c r="D6" s="19">
        <v>750</v>
      </c>
      <c r="E6" s="19">
        <v>753</v>
      </c>
      <c r="F6" s="19"/>
      <c r="G6" s="18" t="s">
        <v>10</v>
      </c>
      <c r="H6" s="17"/>
      <c r="I6" s="13">
        <v>3552</v>
      </c>
      <c r="J6" s="19">
        <v>1961</v>
      </c>
      <c r="K6" s="19">
        <v>1591</v>
      </c>
    </row>
    <row r="7" spans="1:11" ht="15" customHeight="1">
      <c r="A7" s="17" t="s">
        <v>11</v>
      </c>
      <c r="B7" s="17"/>
      <c r="C7" s="13">
        <v>1572</v>
      </c>
      <c r="D7" s="19">
        <v>826</v>
      </c>
      <c r="E7" s="19">
        <v>746</v>
      </c>
      <c r="F7" s="19"/>
      <c r="G7" s="18" t="s">
        <v>12</v>
      </c>
      <c r="H7" s="17"/>
      <c r="I7" s="13">
        <v>3680</v>
      </c>
      <c r="J7" s="19">
        <v>1946</v>
      </c>
      <c r="K7" s="19">
        <v>1734</v>
      </c>
    </row>
    <row r="8" spans="1:11" ht="15" customHeight="1">
      <c r="A8" s="17" t="s">
        <v>13</v>
      </c>
      <c r="B8" s="17"/>
      <c r="C8" s="13">
        <v>1709</v>
      </c>
      <c r="D8" s="19">
        <v>847</v>
      </c>
      <c r="E8" s="19">
        <v>862</v>
      </c>
      <c r="F8" s="19"/>
      <c r="G8" s="18" t="s">
        <v>14</v>
      </c>
      <c r="H8" s="17"/>
      <c r="I8" s="13">
        <v>2570</v>
      </c>
      <c r="J8" s="19">
        <v>1399</v>
      </c>
      <c r="K8" s="19">
        <v>1171</v>
      </c>
    </row>
    <row r="9" spans="1:11" ht="15" customHeight="1">
      <c r="A9" s="17" t="s">
        <v>15</v>
      </c>
      <c r="B9" s="17"/>
      <c r="C9" s="13">
        <v>1636</v>
      </c>
      <c r="D9" s="19">
        <v>794</v>
      </c>
      <c r="E9" s="19">
        <v>842</v>
      </c>
      <c r="F9" s="19"/>
      <c r="G9" s="18" t="s">
        <v>16</v>
      </c>
      <c r="H9" s="17"/>
      <c r="I9" s="13">
        <v>3336</v>
      </c>
      <c r="J9" s="19">
        <v>1840</v>
      </c>
      <c r="K9" s="19">
        <v>1496</v>
      </c>
    </row>
    <row r="10" spans="1:11" ht="15" customHeight="1">
      <c r="A10" s="17" t="s">
        <v>17</v>
      </c>
      <c r="B10" s="17"/>
      <c r="C10" s="13">
        <v>1670</v>
      </c>
      <c r="D10" s="19">
        <v>837</v>
      </c>
      <c r="E10" s="19">
        <v>833</v>
      </c>
      <c r="F10" s="19"/>
      <c r="G10" s="18" t="s">
        <v>18</v>
      </c>
      <c r="H10" s="17"/>
      <c r="I10" s="13">
        <v>2979</v>
      </c>
      <c r="J10" s="19">
        <v>1621</v>
      </c>
      <c r="K10" s="19">
        <v>1358</v>
      </c>
    </row>
    <row r="11" spans="1:11" ht="20.100000000000001" customHeight="1">
      <c r="A11" s="17" t="s">
        <v>19</v>
      </c>
      <c r="B11" s="17"/>
      <c r="C11" s="13">
        <v>9205</v>
      </c>
      <c r="D11" s="14">
        <v>4796</v>
      </c>
      <c r="E11" s="14">
        <v>4409</v>
      </c>
      <c r="F11" s="14"/>
      <c r="G11" s="18" t="s">
        <v>20</v>
      </c>
      <c r="H11" s="17"/>
      <c r="I11" s="13">
        <v>12779</v>
      </c>
      <c r="J11" s="14">
        <v>6746</v>
      </c>
      <c r="K11" s="14">
        <v>6033</v>
      </c>
    </row>
    <row r="12" spans="1:11" ht="15" customHeight="1">
      <c r="A12" s="17" t="s">
        <v>21</v>
      </c>
      <c r="B12" s="17"/>
      <c r="C12" s="13">
        <v>1717</v>
      </c>
      <c r="D12" s="19">
        <v>893</v>
      </c>
      <c r="E12" s="19">
        <v>824</v>
      </c>
      <c r="F12" s="19"/>
      <c r="G12" s="18" t="s">
        <v>22</v>
      </c>
      <c r="H12" s="17"/>
      <c r="I12" s="13">
        <v>2706</v>
      </c>
      <c r="J12" s="19">
        <v>1461</v>
      </c>
      <c r="K12" s="19">
        <v>1245</v>
      </c>
    </row>
    <row r="13" spans="1:11" ht="15" customHeight="1">
      <c r="A13" s="17" t="s">
        <v>23</v>
      </c>
      <c r="B13" s="17"/>
      <c r="C13" s="13">
        <v>1773</v>
      </c>
      <c r="D13" s="19">
        <v>896</v>
      </c>
      <c r="E13" s="19">
        <v>877</v>
      </c>
      <c r="F13" s="19"/>
      <c r="G13" s="18" t="s">
        <v>24</v>
      </c>
      <c r="H13" s="17"/>
      <c r="I13" s="13">
        <v>2593</v>
      </c>
      <c r="J13" s="19">
        <v>1379</v>
      </c>
      <c r="K13" s="19">
        <v>1214</v>
      </c>
    </row>
    <row r="14" spans="1:11" ht="15" customHeight="1">
      <c r="A14" s="17" t="s">
        <v>25</v>
      </c>
      <c r="B14" s="17"/>
      <c r="C14" s="13">
        <v>1860</v>
      </c>
      <c r="D14" s="19">
        <v>997</v>
      </c>
      <c r="E14" s="19">
        <v>863</v>
      </c>
      <c r="F14" s="19"/>
      <c r="G14" s="18" t="s">
        <v>26</v>
      </c>
      <c r="H14" s="17"/>
      <c r="I14" s="13">
        <v>2514</v>
      </c>
      <c r="J14" s="19">
        <v>1313</v>
      </c>
      <c r="K14" s="19">
        <v>1201</v>
      </c>
    </row>
    <row r="15" spans="1:11" ht="15" customHeight="1">
      <c r="A15" s="17" t="s">
        <v>27</v>
      </c>
      <c r="B15" s="17"/>
      <c r="C15" s="13">
        <v>1980</v>
      </c>
      <c r="D15" s="19">
        <v>1022</v>
      </c>
      <c r="E15" s="19">
        <v>958</v>
      </c>
      <c r="F15" s="19"/>
      <c r="G15" s="18" t="s">
        <v>28</v>
      </c>
      <c r="H15" s="17"/>
      <c r="I15" s="13">
        <v>2469</v>
      </c>
      <c r="J15" s="19">
        <v>1271</v>
      </c>
      <c r="K15" s="19">
        <v>1198</v>
      </c>
    </row>
    <row r="16" spans="1:11" ht="15" customHeight="1">
      <c r="A16" s="17" t="s">
        <v>29</v>
      </c>
      <c r="B16" s="17"/>
      <c r="C16" s="13">
        <v>1875</v>
      </c>
      <c r="D16" s="19">
        <v>988</v>
      </c>
      <c r="E16" s="19">
        <v>887</v>
      </c>
      <c r="F16" s="19"/>
      <c r="G16" s="18" t="s">
        <v>30</v>
      </c>
      <c r="H16" s="17"/>
      <c r="I16" s="13">
        <v>2497</v>
      </c>
      <c r="J16" s="19">
        <v>1322</v>
      </c>
      <c r="K16" s="19">
        <v>1175</v>
      </c>
    </row>
    <row r="17" spans="1:11" ht="20.100000000000001" customHeight="1">
      <c r="A17" s="20" t="s">
        <v>31</v>
      </c>
      <c r="B17" s="20"/>
      <c r="C17" s="13">
        <v>9877</v>
      </c>
      <c r="D17" s="14">
        <v>5061</v>
      </c>
      <c r="E17" s="14">
        <v>4816</v>
      </c>
      <c r="F17" s="14"/>
      <c r="G17" s="18" t="s">
        <v>32</v>
      </c>
      <c r="H17" s="17"/>
      <c r="I17" s="13">
        <v>12165</v>
      </c>
      <c r="J17" s="14">
        <v>6166</v>
      </c>
      <c r="K17" s="14">
        <v>5999</v>
      </c>
    </row>
    <row r="18" spans="1:11" ht="15" customHeight="1">
      <c r="A18" s="17" t="s">
        <v>33</v>
      </c>
      <c r="B18" s="17"/>
      <c r="C18" s="13">
        <v>1968</v>
      </c>
      <c r="D18" s="19">
        <v>1008</v>
      </c>
      <c r="E18" s="19">
        <v>960</v>
      </c>
      <c r="F18" s="19"/>
      <c r="G18" s="18" t="s">
        <v>34</v>
      </c>
      <c r="H18" s="17"/>
      <c r="I18" s="13">
        <v>2409</v>
      </c>
      <c r="J18" s="19">
        <v>1261</v>
      </c>
      <c r="K18" s="19">
        <v>1148</v>
      </c>
    </row>
    <row r="19" spans="1:11" ht="15" customHeight="1">
      <c r="A19" s="17" t="s">
        <v>35</v>
      </c>
      <c r="B19" s="17"/>
      <c r="C19" s="13">
        <v>1989</v>
      </c>
      <c r="D19" s="19">
        <v>1041</v>
      </c>
      <c r="E19" s="19">
        <v>948</v>
      </c>
      <c r="F19" s="19"/>
      <c r="G19" s="18" t="s">
        <v>36</v>
      </c>
      <c r="H19" s="17"/>
      <c r="I19" s="13">
        <v>2251</v>
      </c>
      <c r="J19" s="19">
        <v>1173</v>
      </c>
      <c r="K19" s="19">
        <v>1078</v>
      </c>
    </row>
    <row r="20" spans="1:11" ht="15" customHeight="1">
      <c r="A20" s="17" t="s">
        <v>37</v>
      </c>
      <c r="B20" s="17"/>
      <c r="C20" s="13">
        <v>1944</v>
      </c>
      <c r="D20" s="19">
        <v>994</v>
      </c>
      <c r="E20" s="19">
        <v>950</v>
      </c>
      <c r="F20" s="19"/>
      <c r="G20" s="18" t="s">
        <v>38</v>
      </c>
      <c r="H20" s="17"/>
      <c r="I20" s="13">
        <v>2414</v>
      </c>
      <c r="J20" s="19">
        <v>1238</v>
      </c>
      <c r="K20" s="19">
        <v>1176</v>
      </c>
    </row>
    <row r="21" spans="1:11" ht="15" customHeight="1">
      <c r="A21" s="17" t="s">
        <v>39</v>
      </c>
      <c r="B21" s="17"/>
      <c r="C21" s="13">
        <v>1982</v>
      </c>
      <c r="D21" s="19">
        <v>1009</v>
      </c>
      <c r="E21" s="19">
        <v>973</v>
      </c>
      <c r="F21" s="19"/>
      <c r="G21" s="18" t="s">
        <v>40</v>
      </c>
      <c r="H21" s="17"/>
      <c r="I21" s="13">
        <v>2490</v>
      </c>
      <c r="J21" s="19">
        <v>1256</v>
      </c>
      <c r="K21" s="19">
        <v>1234</v>
      </c>
    </row>
    <row r="22" spans="1:11" ht="15" customHeight="1">
      <c r="A22" s="17" t="s">
        <v>41</v>
      </c>
      <c r="B22" s="17"/>
      <c r="C22" s="13">
        <v>1994</v>
      </c>
      <c r="D22" s="19">
        <v>1009</v>
      </c>
      <c r="E22" s="19">
        <v>985</v>
      </c>
      <c r="F22" s="19"/>
      <c r="G22" s="18" t="s">
        <v>42</v>
      </c>
      <c r="H22" s="17"/>
      <c r="I22" s="13">
        <v>2601</v>
      </c>
      <c r="J22" s="19">
        <v>1238</v>
      </c>
      <c r="K22" s="19">
        <v>1363</v>
      </c>
    </row>
    <row r="23" spans="1:11" ht="20.100000000000001" customHeight="1">
      <c r="A23" s="17" t="s">
        <v>43</v>
      </c>
      <c r="B23" s="17"/>
      <c r="C23" s="13">
        <v>11208</v>
      </c>
      <c r="D23" s="14">
        <v>5771</v>
      </c>
      <c r="E23" s="14">
        <v>5437</v>
      </c>
      <c r="F23" s="14"/>
      <c r="G23" s="18" t="s">
        <v>44</v>
      </c>
      <c r="H23" s="17"/>
      <c r="I23" s="13">
        <v>15750</v>
      </c>
      <c r="J23" s="14">
        <v>7579</v>
      </c>
      <c r="K23" s="14">
        <v>8171</v>
      </c>
    </row>
    <row r="24" spans="1:11" ht="15" customHeight="1">
      <c r="A24" s="17" t="s">
        <v>45</v>
      </c>
      <c r="B24" s="17"/>
      <c r="C24" s="13">
        <v>2112</v>
      </c>
      <c r="D24" s="19">
        <v>1081</v>
      </c>
      <c r="E24" s="19">
        <v>1031</v>
      </c>
      <c r="F24" s="19"/>
      <c r="G24" s="18" t="s">
        <v>46</v>
      </c>
      <c r="H24" s="17"/>
      <c r="I24" s="13">
        <v>2665</v>
      </c>
      <c r="J24" s="19">
        <v>1306</v>
      </c>
      <c r="K24" s="19">
        <v>1359</v>
      </c>
    </row>
    <row r="25" spans="1:11" ht="15" customHeight="1">
      <c r="A25" s="17" t="s">
        <v>47</v>
      </c>
      <c r="B25" s="17"/>
      <c r="C25" s="13">
        <v>2107</v>
      </c>
      <c r="D25" s="19">
        <v>1044</v>
      </c>
      <c r="E25" s="19">
        <v>1063</v>
      </c>
      <c r="F25" s="19"/>
      <c r="G25" s="18" t="s">
        <v>48</v>
      </c>
      <c r="H25" s="17"/>
      <c r="I25" s="13">
        <v>2996</v>
      </c>
      <c r="J25" s="19">
        <v>1429</v>
      </c>
      <c r="K25" s="19">
        <v>1567</v>
      </c>
    </row>
    <row r="26" spans="1:11" ht="15" customHeight="1">
      <c r="A26" s="17" t="s">
        <v>49</v>
      </c>
      <c r="B26" s="17"/>
      <c r="C26" s="13">
        <v>2163</v>
      </c>
      <c r="D26" s="19">
        <v>1102</v>
      </c>
      <c r="E26" s="19">
        <v>1061</v>
      </c>
      <c r="F26" s="19"/>
      <c r="G26" s="18" t="s">
        <v>50</v>
      </c>
      <c r="H26" s="17"/>
      <c r="I26" s="13">
        <v>3051</v>
      </c>
      <c r="J26" s="19">
        <v>1471</v>
      </c>
      <c r="K26" s="19">
        <v>1580</v>
      </c>
    </row>
    <row r="27" spans="1:11" ht="15" customHeight="1">
      <c r="A27" s="17" t="s">
        <v>51</v>
      </c>
      <c r="B27" s="17"/>
      <c r="C27" s="13">
        <v>2305</v>
      </c>
      <c r="D27" s="19">
        <v>1214</v>
      </c>
      <c r="E27" s="19">
        <v>1091</v>
      </c>
      <c r="F27" s="19"/>
      <c r="G27" s="18" t="s">
        <v>52</v>
      </c>
      <c r="H27" s="17"/>
      <c r="I27" s="13">
        <v>3279</v>
      </c>
      <c r="J27" s="19">
        <v>1566</v>
      </c>
      <c r="K27" s="19">
        <v>1713</v>
      </c>
    </row>
    <row r="28" spans="1:11" ht="15" customHeight="1">
      <c r="A28" s="17" t="s">
        <v>53</v>
      </c>
      <c r="B28" s="17"/>
      <c r="C28" s="13">
        <v>2521</v>
      </c>
      <c r="D28" s="19">
        <v>1330</v>
      </c>
      <c r="E28" s="19">
        <v>1191</v>
      </c>
      <c r="F28" s="19"/>
      <c r="G28" s="18" t="s">
        <v>54</v>
      </c>
      <c r="H28" s="17"/>
      <c r="I28" s="13">
        <v>3759</v>
      </c>
      <c r="J28" s="19">
        <v>1807</v>
      </c>
      <c r="K28" s="19">
        <v>1952</v>
      </c>
    </row>
    <row r="29" spans="1:11" ht="20.100000000000001" customHeight="1">
      <c r="A29" s="17" t="s">
        <v>55</v>
      </c>
      <c r="B29" s="17"/>
      <c r="C29" s="13">
        <v>14360</v>
      </c>
      <c r="D29" s="14">
        <v>8256</v>
      </c>
      <c r="E29" s="14">
        <v>6104</v>
      </c>
      <c r="F29" s="14"/>
      <c r="G29" s="18" t="s">
        <v>56</v>
      </c>
      <c r="H29" s="17"/>
      <c r="I29" s="13">
        <v>14899</v>
      </c>
      <c r="J29" s="14">
        <v>7120</v>
      </c>
      <c r="K29" s="14">
        <v>7779</v>
      </c>
    </row>
    <row r="30" spans="1:11" ht="15" customHeight="1">
      <c r="A30" s="17" t="s">
        <v>57</v>
      </c>
      <c r="B30" s="17"/>
      <c r="C30" s="13">
        <v>2478</v>
      </c>
      <c r="D30" s="19">
        <v>1311</v>
      </c>
      <c r="E30" s="19">
        <v>1167</v>
      </c>
      <c r="F30" s="19"/>
      <c r="G30" s="18" t="s">
        <v>58</v>
      </c>
      <c r="H30" s="17"/>
      <c r="I30" s="13">
        <v>3645</v>
      </c>
      <c r="J30" s="19">
        <v>1711</v>
      </c>
      <c r="K30" s="19">
        <v>1934</v>
      </c>
    </row>
    <row r="31" spans="1:11" ht="15" customHeight="1">
      <c r="A31" s="17" t="s">
        <v>59</v>
      </c>
      <c r="B31" s="17"/>
      <c r="C31" s="13">
        <v>2583</v>
      </c>
      <c r="D31" s="19">
        <v>1391</v>
      </c>
      <c r="E31" s="19">
        <v>1192</v>
      </c>
      <c r="F31" s="19"/>
      <c r="G31" s="18" t="s">
        <v>60</v>
      </c>
      <c r="H31" s="17"/>
      <c r="I31" s="13">
        <v>3694</v>
      </c>
      <c r="J31" s="19">
        <v>1748</v>
      </c>
      <c r="K31" s="19">
        <v>1946</v>
      </c>
    </row>
    <row r="32" spans="1:11" ht="15" customHeight="1">
      <c r="A32" s="17" t="s">
        <v>61</v>
      </c>
      <c r="B32" s="17"/>
      <c r="C32" s="13">
        <v>3083</v>
      </c>
      <c r="D32" s="19">
        <v>1820</v>
      </c>
      <c r="E32" s="19">
        <v>1263</v>
      </c>
      <c r="F32" s="19"/>
      <c r="G32" s="18" t="s">
        <v>62</v>
      </c>
      <c r="H32" s="17"/>
      <c r="I32" s="13">
        <v>2597</v>
      </c>
      <c r="J32" s="19">
        <v>1267</v>
      </c>
      <c r="K32" s="19">
        <v>1330</v>
      </c>
    </row>
    <row r="33" spans="1:11" ht="15" customHeight="1">
      <c r="A33" s="17" t="s">
        <v>63</v>
      </c>
      <c r="B33" s="17"/>
      <c r="C33" s="13">
        <v>3126</v>
      </c>
      <c r="D33" s="19">
        <v>1818</v>
      </c>
      <c r="E33" s="19">
        <v>1308</v>
      </c>
      <c r="F33" s="19"/>
      <c r="G33" s="18" t="s">
        <v>64</v>
      </c>
      <c r="H33" s="17"/>
      <c r="I33" s="13">
        <v>2224</v>
      </c>
      <c r="J33" s="19">
        <v>1095</v>
      </c>
      <c r="K33" s="19">
        <v>1129</v>
      </c>
    </row>
    <row r="34" spans="1:11" ht="15" customHeight="1">
      <c r="A34" s="17" t="s">
        <v>65</v>
      </c>
      <c r="B34" s="17"/>
      <c r="C34" s="13">
        <v>3090</v>
      </c>
      <c r="D34" s="19">
        <v>1916</v>
      </c>
      <c r="E34" s="19">
        <v>1174</v>
      </c>
      <c r="F34" s="19"/>
      <c r="G34" s="18" t="s">
        <v>66</v>
      </c>
      <c r="H34" s="17"/>
      <c r="I34" s="13">
        <v>2739</v>
      </c>
      <c r="J34" s="19">
        <v>1299</v>
      </c>
      <c r="K34" s="19">
        <v>1440</v>
      </c>
    </row>
    <row r="35" spans="1:11" ht="20.100000000000001" customHeight="1">
      <c r="A35" s="17" t="s">
        <v>67</v>
      </c>
      <c r="B35" s="17"/>
      <c r="C35" s="13">
        <v>11934</v>
      </c>
      <c r="D35" s="14">
        <v>6920</v>
      </c>
      <c r="E35" s="14">
        <v>5014</v>
      </c>
      <c r="F35" s="14"/>
      <c r="G35" s="18" t="s">
        <v>68</v>
      </c>
      <c r="H35" s="17"/>
      <c r="I35" s="13">
        <v>11983</v>
      </c>
      <c r="J35" s="14">
        <v>5721</v>
      </c>
      <c r="K35" s="14">
        <v>6262</v>
      </c>
    </row>
    <row r="36" spans="1:11" ht="15" customHeight="1">
      <c r="A36" s="17" t="s">
        <v>69</v>
      </c>
      <c r="B36" s="17"/>
      <c r="C36" s="13">
        <v>2889</v>
      </c>
      <c r="D36" s="19">
        <v>1755</v>
      </c>
      <c r="E36" s="19">
        <v>1134</v>
      </c>
      <c r="F36" s="19"/>
      <c r="G36" s="18" t="s">
        <v>70</v>
      </c>
      <c r="H36" s="17"/>
      <c r="I36" s="13">
        <v>2761</v>
      </c>
      <c r="J36" s="19">
        <v>1332</v>
      </c>
      <c r="K36" s="19">
        <v>1429</v>
      </c>
    </row>
    <row r="37" spans="1:11" ht="15" customHeight="1">
      <c r="A37" s="17" t="s">
        <v>71</v>
      </c>
      <c r="B37" s="17"/>
      <c r="C37" s="13">
        <v>2491</v>
      </c>
      <c r="D37" s="19">
        <v>1435</v>
      </c>
      <c r="E37" s="19">
        <v>1056</v>
      </c>
      <c r="F37" s="19"/>
      <c r="G37" s="18" t="s">
        <v>72</v>
      </c>
      <c r="H37" s="17"/>
      <c r="I37" s="13">
        <v>2645</v>
      </c>
      <c r="J37" s="19">
        <v>1253</v>
      </c>
      <c r="K37" s="19">
        <v>1392</v>
      </c>
    </row>
    <row r="38" spans="1:11" ht="15" customHeight="1">
      <c r="A38" s="17" t="s">
        <v>73</v>
      </c>
      <c r="B38" s="17"/>
      <c r="C38" s="13">
        <v>2200</v>
      </c>
      <c r="D38" s="19">
        <v>1229</v>
      </c>
      <c r="E38" s="19">
        <v>971</v>
      </c>
      <c r="F38" s="19"/>
      <c r="G38" s="18" t="s">
        <v>74</v>
      </c>
      <c r="H38" s="17"/>
      <c r="I38" s="13">
        <v>2458</v>
      </c>
      <c r="J38" s="19">
        <v>1165</v>
      </c>
      <c r="K38" s="19">
        <v>1293</v>
      </c>
    </row>
    <row r="39" spans="1:11" ht="15" customHeight="1">
      <c r="A39" s="17" t="s">
        <v>75</v>
      </c>
      <c r="B39" s="17"/>
      <c r="C39" s="13">
        <v>2234</v>
      </c>
      <c r="D39" s="19">
        <v>1271</v>
      </c>
      <c r="E39" s="19">
        <v>963</v>
      </c>
      <c r="F39" s="19"/>
      <c r="G39" s="18" t="s">
        <v>76</v>
      </c>
      <c r="H39" s="17"/>
      <c r="I39" s="13">
        <v>2280</v>
      </c>
      <c r="J39" s="19">
        <v>1091</v>
      </c>
      <c r="K39" s="19">
        <v>1189</v>
      </c>
    </row>
    <row r="40" spans="1:11" ht="15" customHeight="1">
      <c r="A40" s="17" t="s">
        <v>77</v>
      </c>
      <c r="B40" s="17"/>
      <c r="C40" s="13">
        <v>2120</v>
      </c>
      <c r="D40" s="19">
        <v>1230</v>
      </c>
      <c r="E40" s="19">
        <v>890</v>
      </c>
      <c r="F40" s="19"/>
      <c r="G40" s="18" t="s">
        <v>78</v>
      </c>
      <c r="H40" s="17"/>
      <c r="I40" s="13">
        <v>1839</v>
      </c>
      <c r="J40" s="19">
        <v>880</v>
      </c>
      <c r="K40" s="19">
        <v>959</v>
      </c>
    </row>
    <row r="41" spans="1:11" ht="20.100000000000001" customHeight="1">
      <c r="A41" s="17" t="s">
        <v>79</v>
      </c>
      <c r="B41" s="17"/>
      <c r="C41" s="13">
        <v>11966</v>
      </c>
      <c r="D41" s="14">
        <v>6576</v>
      </c>
      <c r="E41" s="14">
        <v>5390</v>
      </c>
      <c r="F41" s="14"/>
      <c r="G41" s="18" t="s">
        <v>80</v>
      </c>
      <c r="H41" s="17"/>
      <c r="I41" s="13">
        <v>7271</v>
      </c>
      <c r="J41" s="14">
        <v>3308</v>
      </c>
      <c r="K41" s="14">
        <v>3963</v>
      </c>
    </row>
    <row r="42" spans="1:11" ht="15" customHeight="1">
      <c r="A42" s="17" t="s">
        <v>81</v>
      </c>
      <c r="B42" s="17"/>
      <c r="C42" s="13">
        <v>2254</v>
      </c>
      <c r="D42" s="19">
        <v>1229</v>
      </c>
      <c r="E42" s="19">
        <v>1025</v>
      </c>
      <c r="F42" s="19"/>
      <c r="G42" s="18" t="s">
        <v>82</v>
      </c>
      <c r="H42" s="17"/>
      <c r="I42" s="13">
        <v>1642</v>
      </c>
      <c r="J42" s="19">
        <v>783</v>
      </c>
      <c r="K42" s="19">
        <v>859</v>
      </c>
    </row>
    <row r="43" spans="1:11" ht="15" customHeight="1">
      <c r="A43" s="17" t="s">
        <v>83</v>
      </c>
      <c r="B43" s="17"/>
      <c r="C43" s="13">
        <v>2277</v>
      </c>
      <c r="D43" s="19">
        <v>1254</v>
      </c>
      <c r="E43" s="19">
        <v>1023</v>
      </c>
      <c r="F43" s="19"/>
      <c r="G43" s="18" t="s">
        <v>84</v>
      </c>
      <c r="H43" s="17"/>
      <c r="I43" s="13">
        <v>1663</v>
      </c>
      <c r="J43" s="19">
        <v>775</v>
      </c>
      <c r="K43" s="19">
        <v>888</v>
      </c>
    </row>
    <row r="44" spans="1:11" ht="15" customHeight="1">
      <c r="A44" s="17" t="s">
        <v>85</v>
      </c>
      <c r="B44" s="17"/>
      <c r="C44" s="13">
        <v>2321</v>
      </c>
      <c r="D44" s="19">
        <v>1277</v>
      </c>
      <c r="E44" s="19">
        <v>1044</v>
      </c>
      <c r="F44" s="19"/>
      <c r="G44" s="18" t="s">
        <v>86</v>
      </c>
      <c r="H44" s="17"/>
      <c r="I44" s="13">
        <v>1448</v>
      </c>
      <c r="J44" s="19">
        <v>675</v>
      </c>
      <c r="K44" s="19">
        <v>773</v>
      </c>
    </row>
    <row r="45" spans="1:11" ht="15" customHeight="1">
      <c r="A45" s="17" t="s">
        <v>87</v>
      </c>
      <c r="B45" s="17"/>
      <c r="C45" s="13">
        <v>2465</v>
      </c>
      <c r="D45" s="19">
        <v>1346</v>
      </c>
      <c r="E45" s="19">
        <v>1119</v>
      </c>
      <c r="F45" s="19"/>
      <c r="G45" s="18" t="s">
        <v>88</v>
      </c>
      <c r="H45" s="17"/>
      <c r="I45" s="13">
        <v>1370</v>
      </c>
      <c r="J45" s="19">
        <v>593</v>
      </c>
      <c r="K45" s="19">
        <v>777</v>
      </c>
    </row>
    <row r="46" spans="1:11" ht="15" customHeight="1">
      <c r="A46" s="17" t="s">
        <v>89</v>
      </c>
      <c r="B46" s="17"/>
      <c r="C46" s="13">
        <v>2649</v>
      </c>
      <c r="D46" s="19">
        <v>1470</v>
      </c>
      <c r="E46" s="19">
        <v>1179</v>
      </c>
      <c r="F46" s="19"/>
      <c r="G46" s="18" t="s">
        <v>90</v>
      </c>
      <c r="H46" s="17"/>
      <c r="I46" s="13">
        <v>1148</v>
      </c>
      <c r="J46" s="19">
        <v>482</v>
      </c>
      <c r="K46" s="19">
        <v>666</v>
      </c>
    </row>
    <row r="47" spans="1:11" ht="20.100000000000001" customHeight="1">
      <c r="A47" s="17" t="s">
        <v>91</v>
      </c>
      <c r="B47" s="17"/>
      <c r="C47" s="13">
        <v>13887</v>
      </c>
      <c r="D47" s="14">
        <v>7460</v>
      </c>
      <c r="E47" s="14">
        <v>6427</v>
      </c>
      <c r="F47" s="14"/>
      <c r="G47" s="18" t="s">
        <v>92</v>
      </c>
      <c r="H47" s="17"/>
      <c r="I47" s="13">
        <v>4012</v>
      </c>
      <c r="J47" s="14">
        <v>1497</v>
      </c>
      <c r="K47" s="14">
        <v>2515</v>
      </c>
    </row>
    <row r="48" spans="1:11" ht="15" customHeight="1">
      <c r="A48" s="17" t="s">
        <v>93</v>
      </c>
      <c r="B48" s="17"/>
      <c r="C48" s="13">
        <v>2660</v>
      </c>
      <c r="D48" s="19">
        <v>1414</v>
      </c>
      <c r="E48" s="19">
        <v>1246</v>
      </c>
      <c r="F48" s="19"/>
      <c r="G48" s="18" t="s">
        <v>94</v>
      </c>
      <c r="H48" s="17"/>
      <c r="I48" s="13">
        <v>1031</v>
      </c>
      <c r="J48" s="19">
        <v>424</v>
      </c>
      <c r="K48" s="19">
        <v>607</v>
      </c>
    </row>
    <row r="49" spans="1:11" ht="15" customHeight="1">
      <c r="A49" s="17" t="s">
        <v>95</v>
      </c>
      <c r="B49" s="17"/>
      <c r="C49" s="13">
        <v>2646</v>
      </c>
      <c r="D49" s="19">
        <v>1414</v>
      </c>
      <c r="E49" s="19">
        <v>1232</v>
      </c>
      <c r="F49" s="19"/>
      <c r="G49" s="18" t="s">
        <v>96</v>
      </c>
      <c r="H49" s="17"/>
      <c r="I49" s="13">
        <v>978</v>
      </c>
      <c r="J49" s="19">
        <v>361</v>
      </c>
      <c r="K49" s="19">
        <v>617</v>
      </c>
    </row>
    <row r="50" spans="1:11" ht="15" customHeight="1">
      <c r="A50" s="17" t="s">
        <v>97</v>
      </c>
      <c r="B50" s="17"/>
      <c r="C50" s="13">
        <v>2733</v>
      </c>
      <c r="D50" s="19">
        <v>1457</v>
      </c>
      <c r="E50" s="19">
        <v>1276</v>
      </c>
      <c r="F50" s="19"/>
      <c r="G50" s="18" t="s">
        <v>98</v>
      </c>
      <c r="H50" s="17"/>
      <c r="I50" s="13">
        <v>764</v>
      </c>
      <c r="J50" s="19">
        <v>288</v>
      </c>
      <c r="K50" s="19">
        <v>476</v>
      </c>
    </row>
    <row r="51" spans="1:11" ht="15" customHeight="1">
      <c r="A51" s="17" t="s">
        <v>99</v>
      </c>
      <c r="B51" s="17"/>
      <c r="C51" s="13">
        <v>2843</v>
      </c>
      <c r="D51" s="19">
        <v>1545</v>
      </c>
      <c r="E51" s="19">
        <v>1298</v>
      </c>
      <c r="F51" s="19"/>
      <c r="G51" s="18" t="s">
        <v>100</v>
      </c>
      <c r="H51" s="17"/>
      <c r="I51" s="13">
        <v>636</v>
      </c>
      <c r="J51" s="19">
        <v>213</v>
      </c>
      <c r="K51" s="19">
        <v>423</v>
      </c>
    </row>
    <row r="52" spans="1:11" ht="15" customHeight="1">
      <c r="A52" s="17" t="s">
        <v>101</v>
      </c>
      <c r="B52" s="17"/>
      <c r="C52" s="13">
        <v>3005</v>
      </c>
      <c r="D52" s="19">
        <v>1630</v>
      </c>
      <c r="E52" s="19">
        <v>1375</v>
      </c>
      <c r="F52" s="19"/>
      <c r="G52" s="18" t="s">
        <v>102</v>
      </c>
      <c r="H52" s="17"/>
      <c r="I52" s="13">
        <v>603</v>
      </c>
      <c r="J52" s="19">
        <v>211</v>
      </c>
      <c r="K52" s="19">
        <v>392</v>
      </c>
    </row>
    <row r="53" spans="1:11" ht="20.100000000000001" customHeight="1">
      <c r="A53" s="17" t="s">
        <v>103</v>
      </c>
      <c r="B53" s="17"/>
      <c r="C53" s="13">
        <v>16975</v>
      </c>
      <c r="D53" s="14">
        <v>9063</v>
      </c>
      <c r="E53" s="14">
        <v>7912</v>
      </c>
      <c r="F53" s="14"/>
      <c r="G53" s="18" t="s">
        <v>104</v>
      </c>
      <c r="H53" s="17"/>
      <c r="I53" s="13">
        <v>1792</v>
      </c>
      <c r="J53" s="14">
        <v>526</v>
      </c>
      <c r="K53" s="14">
        <v>1266</v>
      </c>
    </row>
    <row r="54" spans="1:11" ht="15" customHeight="1">
      <c r="A54" s="17" t="s">
        <v>105</v>
      </c>
      <c r="B54" s="17"/>
      <c r="C54" s="13">
        <v>3137</v>
      </c>
      <c r="D54" s="19">
        <v>1667</v>
      </c>
      <c r="E54" s="19">
        <v>1470</v>
      </c>
      <c r="F54" s="19"/>
      <c r="G54" s="18" t="s">
        <v>106</v>
      </c>
      <c r="H54" s="17"/>
      <c r="I54" s="13">
        <v>541</v>
      </c>
      <c r="J54" s="19">
        <v>188</v>
      </c>
      <c r="K54" s="19">
        <v>353</v>
      </c>
    </row>
    <row r="55" spans="1:11" ht="15" customHeight="1">
      <c r="A55" s="17" t="s">
        <v>107</v>
      </c>
      <c r="B55" s="17"/>
      <c r="C55" s="13">
        <v>3235</v>
      </c>
      <c r="D55" s="19">
        <v>1748</v>
      </c>
      <c r="E55" s="19">
        <v>1487</v>
      </c>
      <c r="F55" s="19"/>
      <c r="G55" s="18" t="s">
        <v>108</v>
      </c>
      <c r="H55" s="17"/>
      <c r="I55" s="13">
        <v>418</v>
      </c>
      <c r="J55" s="19">
        <v>132</v>
      </c>
      <c r="K55" s="19">
        <v>286</v>
      </c>
    </row>
    <row r="56" spans="1:11" ht="15" customHeight="1">
      <c r="A56" s="17" t="s">
        <v>109</v>
      </c>
      <c r="B56" s="17"/>
      <c r="C56" s="13">
        <v>3247</v>
      </c>
      <c r="D56" s="19">
        <v>1754</v>
      </c>
      <c r="E56" s="19">
        <v>1493</v>
      </c>
      <c r="F56" s="19"/>
      <c r="G56" s="18" t="s">
        <v>110</v>
      </c>
      <c r="H56" s="17"/>
      <c r="I56" s="13">
        <v>325</v>
      </c>
      <c r="J56" s="19">
        <v>87</v>
      </c>
      <c r="K56" s="19">
        <v>238</v>
      </c>
    </row>
    <row r="57" spans="1:11" ht="15" customHeight="1">
      <c r="A57" s="17" t="s">
        <v>111</v>
      </c>
      <c r="B57" s="17"/>
      <c r="C57" s="13">
        <v>3596</v>
      </c>
      <c r="D57" s="19">
        <v>1866</v>
      </c>
      <c r="E57" s="19">
        <v>1730</v>
      </c>
      <c r="F57" s="19"/>
      <c r="G57" s="18" t="s">
        <v>112</v>
      </c>
      <c r="H57" s="17"/>
      <c r="I57" s="13">
        <v>309</v>
      </c>
      <c r="J57" s="19">
        <v>84</v>
      </c>
      <c r="K57" s="19">
        <v>225</v>
      </c>
    </row>
    <row r="58" spans="1:11" ht="15" customHeight="1">
      <c r="A58" s="17" t="s">
        <v>113</v>
      </c>
      <c r="B58" s="17"/>
      <c r="C58" s="13">
        <v>3760</v>
      </c>
      <c r="D58" s="19">
        <v>2028</v>
      </c>
      <c r="E58" s="19">
        <v>1732</v>
      </c>
      <c r="F58" s="19"/>
      <c r="G58" s="18" t="s">
        <v>114</v>
      </c>
      <c r="H58" s="17"/>
      <c r="I58" s="13">
        <v>199</v>
      </c>
      <c r="J58" s="19">
        <v>35</v>
      </c>
      <c r="K58" s="19">
        <v>164</v>
      </c>
    </row>
    <row r="59" spans="1:11" ht="20.100000000000001" customHeight="1">
      <c r="A59" s="17" t="s">
        <v>115</v>
      </c>
      <c r="B59" s="17"/>
      <c r="C59" s="13">
        <v>19284</v>
      </c>
      <c r="D59" s="14">
        <v>10368</v>
      </c>
      <c r="E59" s="14">
        <v>8916</v>
      </c>
      <c r="F59" s="14"/>
      <c r="G59" s="18" t="s">
        <v>116</v>
      </c>
      <c r="H59" s="17"/>
      <c r="I59" s="13">
        <v>446</v>
      </c>
      <c r="J59" s="14">
        <v>103</v>
      </c>
      <c r="K59" s="14">
        <v>343</v>
      </c>
    </row>
    <row r="60" spans="1:11" ht="15" customHeight="1">
      <c r="A60" s="17" t="s">
        <v>117</v>
      </c>
      <c r="B60" s="17"/>
      <c r="C60" s="13">
        <v>4064</v>
      </c>
      <c r="D60" s="19">
        <v>2209</v>
      </c>
      <c r="E60" s="19">
        <v>1855</v>
      </c>
      <c r="F60" s="19"/>
      <c r="G60" s="18" t="s">
        <v>118</v>
      </c>
      <c r="H60" s="17"/>
      <c r="I60" s="13">
        <v>148</v>
      </c>
      <c r="J60" s="19">
        <v>42</v>
      </c>
      <c r="K60" s="19">
        <v>106</v>
      </c>
    </row>
    <row r="61" spans="1:11" ht="15" customHeight="1">
      <c r="A61" s="17" t="s">
        <v>119</v>
      </c>
      <c r="B61" s="17"/>
      <c r="C61" s="13">
        <v>4029</v>
      </c>
      <c r="D61" s="19">
        <v>2140</v>
      </c>
      <c r="E61" s="19">
        <v>1889</v>
      </c>
      <c r="F61" s="19"/>
      <c r="G61" s="18" t="s">
        <v>120</v>
      </c>
      <c r="H61" s="17"/>
      <c r="I61" s="13">
        <v>100</v>
      </c>
      <c r="J61" s="19">
        <v>15</v>
      </c>
      <c r="K61" s="19">
        <v>85</v>
      </c>
    </row>
    <row r="62" spans="1:11" ht="15" customHeight="1">
      <c r="A62" s="17" t="s">
        <v>121</v>
      </c>
      <c r="B62" s="17"/>
      <c r="C62" s="13">
        <v>3844</v>
      </c>
      <c r="D62" s="19">
        <v>2067</v>
      </c>
      <c r="E62" s="19">
        <v>1777</v>
      </c>
      <c r="F62" s="19"/>
      <c r="G62" s="18" t="s">
        <v>122</v>
      </c>
      <c r="H62" s="17"/>
      <c r="I62" s="13">
        <v>99</v>
      </c>
      <c r="J62" s="19">
        <v>16</v>
      </c>
      <c r="K62" s="19">
        <v>83</v>
      </c>
    </row>
    <row r="63" spans="1:11" ht="15" customHeight="1">
      <c r="A63" s="17" t="s">
        <v>123</v>
      </c>
      <c r="B63" s="17"/>
      <c r="C63" s="13">
        <v>3781</v>
      </c>
      <c r="D63" s="19">
        <v>2043</v>
      </c>
      <c r="E63" s="19">
        <v>1738</v>
      </c>
      <c r="F63" s="19"/>
      <c r="G63" s="18" t="s">
        <v>124</v>
      </c>
      <c r="H63" s="17"/>
      <c r="I63" s="13">
        <v>62</v>
      </c>
      <c r="J63" s="19">
        <v>26</v>
      </c>
      <c r="K63" s="19">
        <v>36</v>
      </c>
    </row>
    <row r="64" spans="1:11" ht="15" customHeight="1">
      <c r="A64" s="17" t="s">
        <v>125</v>
      </c>
      <c r="B64" s="17"/>
      <c r="C64" s="13">
        <v>3566</v>
      </c>
      <c r="D64" s="19">
        <v>1909</v>
      </c>
      <c r="E64" s="19">
        <v>1657</v>
      </c>
      <c r="F64" s="19"/>
      <c r="G64" s="18" t="s">
        <v>126</v>
      </c>
      <c r="H64" s="17"/>
      <c r="I64" s="13">
        <v>37</v>
      </c>
      <c r="J64" s="19">
        <v>4</v>
      </c>
      <c r="K64" s="19">
        <v>3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20</v>
      </c>
      <c r="J65" s="19">
        <v>18</v>
      </c>
      <c r="K65" s="19">
        <v>10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127</v>
      </c>
      <c r="J66" s="29">
        <v>614</v>
      </c>
      <c r="K66" s="29">
        <v>513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0" pageOrder="overThenDown" orientation="portrait" blackAndWhite="1" useFirstPageNumber="1" horizontalDpi="300" verticalDpi="300"/>
  <headerFooter scaleWithDoc="0"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5816</v>
      </c>
      <c r="D4" s="14">
        <v>117846</v>
      </c>
      <c r="E4" s="14">
        <v>11797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699</v>
      </c>
      <c r="D5" s="14">
        <v>4928</v>
      </c>
      <c r="E5" s="14">
        <v>4771</v>
      </c>
      <c r="F5" s="14"/>
      <c r="G5" s="18" t="s">
        <v>8</v>
      </c>
      <c r="H5" s="17"/>
      <c r="I5" s="13">
        <v>17795</v>
      </c>
      <c r="J5" s="14">
        <v>9199</v>
      </c>
      <c r="K5" s="14">
        <v>8596</v>
      </c>
    </row>
    <row r="6" spans="1:11" ht="15" customHeight="1">
      <c r="A6" s="17" t="s">
        <v>9</v>
      </c>
      <c r="B6" s="17"/>
      <c r="C6" s="13">
        <v>1877</v>
      </c>
      <c r="D6" s="19">
        <v>949</v>
      </c>
      <c r="E6" s="19">
        <v>928</v>
      </c>
      <c r="F6" s="19"/>
      <c r="G6" s="18" t="s">
        <v>10</v>
      </c>
      <c r="H6" s="17"/>
      <c r="I6" s="13">
        <v>3782</v>
      </c>
      <c r="J6" s="19">
        <v>1938</v>
      </c>
      <c r="K6" s="19">
        <v>1844</v>
      </c>
    </row>
    <row r="7" spans="1:11" ht="15" customHeight="1">
      <c r="A7" s="17" t="s">
        <v>11</v>
      </c>
      <c r="B7" s="17"/>
      <c r="C7" s="13">
        <v>1936</v>
      </c>
      <c r="D7" s="19">
        <v>961</v>
      </c>
      <c r="E7" s="19">
        <v>975</v>
      </c>
      <c r="F7" s="19"/>
      <c r="G7" s="18" t="s">
        <v>12</v>
      </c>
      <c r="H7" s="17"/>
      <c r="I7" s="13">
        <v>4049</v>
      </c>
      <c r="J7" s="19">
        <v>2124</v>
      </c>
      <c r="K7" s="19">
        <v>1925</v>
      </c>
    </row>
    <row r="8" spans="1:11" ht="15" customHeight="1">
      <c r="A8" s="17" t="s">
        <v>13</v>
      </c>
      <c r="B8" s="17"/>
      <c r="C8" s="13">
        <v>1985</v>
      </c>
      <c r="D8" s="19">
        <v>1012</v>
      </c>
      <c r="E8" s="19">
        <v>973</v>
      </c>
      <c r="F8" s="19"/>
      <c r="G8" s="18" t="s">
        <v>14</v>
      </c>
      <c r="H8" s="17"/>
      <c r="I8" s="13">
        <v>2987</v>
      </c>
      <c r="J8" s="19">
        <v>1553</v>
      </c>
      <c r="K8" s="19">
        <v>1434</v>
      </c>
    </row>
    <row r="9" spans="1:11" ht="15" customHeight="1">
      <c r="A9" s="17" t="s">
        <v>15</v>
      </c>
      <c r="B9" s="17"/>
      <c r="C9" s="13">
        <v>1933</v>
      </c>
      <c r="D9" s="19">
        <v>990</v>
      </c>
      <c r="E9" s="19">
        <v>943</v>
      </c>
      <c r="F9" s="19"/>
      <c r="G9" s="18" t="s">
        <v>16</v>
      </c>
      <c r="H9" s="17"/>
      <c r="I9" s="13">
        <v>3705</v>
      </c>
      <c r="J9" s="19">
        <v>1883</v>
      </c>
      <c r="K9" s="19">
        <v>1822</v>
      </c>
    </row>
    <row r="10" spans="1:11" ht="15" customHeight="1">
      <c r="A10" s="17" t="s">
        <v>17</v>
      </c>
      <c r="B10" s="17"/>
      <c r="C10" s="13">
        <v>1968</v>
      </c>
      <c r="D10" s="19">
        <v>1016</v>
      </c>
      <c r="E10" s="19">
        <v>952</v>
      </c>
      <c r="F10" s="19"/>
      <c r="G10" s="18" t="s">
        <v>18</v>
      </c>
      <c r="H10" s="17"/>
      <c r="I10" s="13">
        <v>3272</v>
      </c>
      <c r="J10" s="19">
        <v>1701</v>
      </c>
      <c r="K10" s="19">
        <v>1571</v>
      </c>
    </row>
    <row r="11" spans="1:11" ht="20.100000000000001" customHeight="1">
      <c r="A11" s="17" t="s">
        <v>19</v>
      </c>
      <c r="B11" s="17"/>
      <c r="C11" s="13">
        <v>9902</v>
      </c>
      <c r="D11" s="14">
        <v>5011</v>
      </c>
      <c r="E11" s="14">
        <v>4891</v>
      </c>
      <c r="F11" s="14"/>
      <c r="G11" s="18" t="s">
        <v>20</v>
      </c>
      <c r="H11" s="17"/>
      <c r="I11" s="13">
        <v>13943</v>
      </c>
      <c r="J11" s="14">
        <v>7302</v>
      </c>
      <c r="K11" s="14">
        <v>6641</v>
      </c>
    </row>
    <row r="12" spans="1:11" ht="15" customHeight="1">
      <c r="A12" s="17" t="s">
        <v>21</v>
      </c>
      <c r="B12" s="17"/>
      <c r="C12" s="13">
        <v>1931</v>
      </c>
      <c r="D12" s="19">
        <v>973</v>
      </c>
      <c r="E12" s="19">
        <v>958</v>
      </c>
      <c r="F12" s="19"/>
      <c r="G12" s="18" t="s">
        <v>22</v>
      </c>
      <c r="H12" s="17"/>
      <c r="I12" s="13">
        <v>3037</v>
      </c>
      <c r="J12" s="19">
        <v>1646</v>
      </c>
      <c r="K12" s="19">
        <v>1391</v>
      </c>
    </row>
    <row r="13" spans="1:11" ht="15" customHeight="1">
      <c r="A13" s="17" t="s">
        <v>23</v>
      </c>
      <c r="B13" s="17"/>
      <c r="C13" s="13">
        <v>2000</v>
      </c>
      <c r="D13" s="19">
        <v>1014</v>
      </c>
      <c r="E13" s="19">
        <v>986</v>
      </c>
      <c r="F13" s="19"/>
      <c r="G13" s="18" t="s">
        <v>24</v>
      </c>
      <c r="H13" s="17"/>
      <c r="I13" s="13">
        <v>2962</v>
      </c>
      <c r="J13" s="19">
        <v>1513</v>
      </c>
      <c r="K13" s="19">
        <v>1449</v>
      </c>
    </row>
    <row r="14" spans="1:11" ht="15" customHeight="1">
      <c r="A14" s="17" t="s">
        <v>25</v>
      </c>
      <c r="B14" s="17"/>
      <c r="C14" s="13">
        <v>1984</v>
      </c>
      <c r="D14" s="19">
        <v>999</v>
      </c>
      <c r="E14" s="19">
        <v>985</v>
      </c>
      <c r="F14" s="19"/>
      <c r="G14" s="18" t="s">
        <v>26</v>
      </c>
      <c r="H14" s="17"/>
      <c r="I14" s="13">
        <v>2723</v>
      </c>
      <c r="J14" s="19">
        <v>1447</v>
      </c>
      <c r="K14" s="19">
        <v>1276</v>
      </c>
    </row>
    <row r="15" spans="1:11" ht="15" customHeight="1">
      <c r="A15" s="17" t="s">
        <v>27</v>
      </c>
      <c r="B15" s="17"/>
      <c r="C15" s="13">
        <v>1994</v>
      </c>
      <c r="D15" s="19">
        <v>988</v>
      </c>
      <c r="E15" s="19">
        <v>1006</v>
      </c>
      <c r="F15" s="19"/>
      <c r="G15" s="18" t="s">
        <v>28</v>
      </c>
      <c r="H15" s="17"/>
      <c r="I15" s="13">
        <v>2701</v>
      </c>
      <c r="J15" s="19">
        <v>1381</v>
      </c>
      <c r="K15" s="19">
        <v>1320</v>
      </c>
    </row>
    <row r="16" spans="1:11" ht="15" customHeight="1">
      <c r="A16" s="17" t="s">
        <v>29</v>
      </c>
      <c r="B16" s="17"/>
      <c r="C16" s="13">
        <v>1993</v>
      </c>
      <c r="D16" s="19">
        <v>1037</v>
      </c>
      <c r="E16" s="19">
        <v>956</v>
      </c>
      <c r="F16" s="19"/>
      <c r="G16" s="18" t="s">
        <v>30</v>
      </c>
      <c r="H16" s="17"/>
      <c r="I16" s="13">
        <v>2520</v>
      </c>
      <c r="J16" s="19">
        <v>1315</v>
      </c>
      <c r="K16" s="19">
        <v>1205</v>
      </c>
    </row>
    <row r="17" spans="1:11" ht="20.100000000000001" customHeight="1">
      <c r="A17" s="20" t="s">
        <v>31</v>
      </c>
      <c r="B17" s="20"/>
      <c r="C17" s="13">
        <v>9762</v>
      </c>
      <c r="D17" s="14">
        <v>5051</v>
      </c>
      <c r="E17" s="14">
        <v>4711</v>
      </c>
      <c r="F17" s="14"/>
      <c r="G17" s="18" t="s">
        <v>32</v>
      </c>
      <c r="H17" s="17"/>
      <c r="I17" s="13">
        <v>11929</v>
      </c>
      <c r="J17" s="14">
        <v>6158</v>
      </c>
      <c r="K17" s="14">
        <v>5771</v>
      </c>
    </row>
    <row r="18" spans="1:11" ht="15" customHeight="1">
      <c r="A18" s="17" t="s">
        <v>33</v>
      </c>
      <c r="B18" s="17"/>
      <c r="C18" s="13">
        <v>2061</v>
      </c>
      <c r="D18" s="19">
        <v>1055</v>
      </c>
      <c r="E18" s="19">
        <v>1006</v>
      </c>
      <c r="F18" s="19"/>
      <c r="G18" s="18" t="s">
        <v>34</v>
      </c>
      <c r="H18" s="17"/>
      <c r="I18" s="13">
        <v>2522</v>
      </c>
      <c r="J18" s="19">
        <v>1318</v>
      </c>
      <c r="K18" s="19">
        <v>1204</v>
      </c>
    </row>
    <row r="19" spans="1:11" ht="15" customHeight="1">
      <c r="A19" s="17" t="s">
        <v>35</v>
      </c>
      <c r="B19" s="17"/>
      <c r="C19" s="13">
        <v>1954</v>
      </c>
      <c r="D19" s="19">
        <v>1004</v>
      </c>
      <c r="E19" s="19">
        <v>950</v>
      </c>
      <c r="F19" s="19"/>
      <c r="G19" s="18" t="s">
        <v>36</v>
      </c>
      <c r="H19" s="17"/>
      <c r="I19" s="13">
        <v>2359</v>
      </c>
      <c r="J19" s="19">
        <v>1226</v>
      </c>
      <c r="K19" s="19">
        <v>1133</v>
      </c>
    </row>
    <row r="20" spans="1:11" ht="15" customHeight="1">
      <c r="A20" s="17" t="s">
        <v>37</v>
      </c>
      <c r="B20" s="17"/>
      <c r="C20" s="13">
        <v>1938</v>
      </c>
      <c r="D20" s="19">
        <v>993</v>
      </c>
      <c r="E20" s="19">
        <v>945</v>
      </c>
      <c r="F20" s="19"/>
      <c r="G20" s="18" t="s">
        <v>38</v>
      </c>
      <c r="H20" s="17"/>
      <c r="I20" s="13">
        <v>2290</v>
      </c>
      <c r="J20" s="19">
        <v>1190</v>
      </c>
      <c r="K20" s="19">
        <v>1100</v>
      </c>
    </row>
    <row r="21" spans="1:11" ht="15" customHeight="1">
      <c r="A21" s="17" t="s">
        <v>39</v>
      </c>
      <c r="B21" s="17"/>
      <c r="C21" s="13">
        <v>1846</v>
      </c>
      <c r="D21" s="19">
        <v>953</v>
      </c>
      <c r="E21" s="19">
        <v>893</v>
      </c>
      <c r="F21" s="19"/>
      <c r="G21" s="18" t="s">
        <v>40</v>
      </c>
      <c r="H21" s="17"/>
      <c r="I21" s="13">
        <v>2397</v>
      </c>
      <c r="J21" s="19">
        <v>1210</v>
      </c>
      <c r="K21" s="19">
        <v>1187</v>
      </c>
    </row>
    <row r="22" spans="1:11" ht="15" customHeight="1">
      <c r="A22" s="17" t="s">
        <v>41</v>
      </c>
      <c r="B22" s="17"/>
      <c r="C22" s="13">
        <v>1963</v>
      </c>
      <c r="D22" s="19">
        <v>1046</v>
      </c>
      <c r="E22" s="19">
        <v>917</v>
      </c>
      <c r="F22" s="19"/>
      <c r="G22" s="18" t="s">
        <v>42</v>
      </c>
      <c r="H22" s="17"/>
      <c r="I22" s="13">
        <v>2361</v>
      </c>
      <c r="J22" s="19">
        <v>1214</v>
      </c>
      <c r="K22" s="19">
        <v>1147</v>
      </c>
    </row>
    <row r="23" spans="1:11" ht="20.100000000000001" customHeight="1">
      <c r="A23" s="17" t="s">
        <v>43</v>
      </c>
      <c r="B23" s="17"/>
      <c r="C23" s="13">
        <v>10573</v>
      </c>
      <c r="D23" s="14">
        <v>5324</v>
      </c>
      <c r="E23" s="14">
        <v>5249</v>
      </c>
      <c r="F23" s="14"/>
      <c r="G23" s="18" t="s">
        <v>44</v>
      </c>
      <c r="H23" s="17"/>
      <c r="I23" s="13">
        <v>14334</v>
      </c>
      <c r="J23" s="14">
        <v>6884</v>
      </c>
      <c r="K23" s="14">
        <v>7450</v>
      </c>
    </row>
    <row r="24" spans="1:11" ht="15" customHeight="1">
      <c r="A24" s="17" t="s">
        <v>45</v>
      </c>
      <c r="B24" s="17"/>
      <c r="C24" s="13">
        <v>1974</v>
      </c>
      <c r="D24" s="19">
        <v>1030</v>
      </c>
      <c r="E24" s="19">
        <v>944</v>
      </c>
      <c r="F24" s="19"/>
      <c r="G24" s="18" t="s">
        <v>46</v>
      </c>
      <c r="H24" s="17"/>
      <c r="I24" s="13">
        <v>2403</v>
      </c>
      <c r="J24" s="19">
        <v>1190</v>
      </c>
      <c r="K24" s="19">
        <v>1213</v>
      </c>
    </row>
    <row r="25" spans="1:11" ht="15" customHeight="1">
      <c r="A25" s="17" t="s">
        <v>47</v>
      </c>
      <c r="B25" s="17"/>
      <c r="C25" s="13">
        <v>2114</v>
      </c>
      <c r="D25" s="19">
        <v>1045</v>
      </c>
      <c r="E25" s="19">
        <v>1069</v>
      </c>
      <c r="F25" s="19"/>
      <c r="G25" s="18" t="s">
        <v>48</v>
      </c>
      <c r="H25" s="17"/>
      <c r="I25" s="13">
        <v>2659</v>
      </c>
      <c r="J25" s="19">
        <v>1309</v>
      </c>
      <c r="K25" s="19">
        <v>1350</v>
      </c>
    </row>
    <row r="26" spans="1:11" ht="15" customHeight="1">
      <c r="A26" s="17" t="s">
        <v>49</v>
      </c>
      <c r="B26" s="17"/>
      <c r="C26" s="13">
        <v>1920</v>
      </c>
      <c r="D26" s="19">
        <v>932</v>
      </c>
      <c r="E26" s="19">
        <v>988</v>
      </c>
      <c r="F26" s="19"/>
      <c r="G26" s="18" t="s">
        <v>50</v>
      </c>
      <c r="H26" s="17"/>
      <c r="I26" s="13">
        <v>2760</v>
      </c>
      <c r="J26" s="19">
        <v>1374</v>
      </c>
      <c r="K26" s="19">
        <v>1386</v>
      </c>
    </row>
    <row r="27" spans="1:11" ht="15" customHeight="1">
      <c r="A27" s="17" t="s">
        <v>51</v>
      </c>
      <c r="B27" s="17"/>
      <c r="C27" s="13">
        <v>2275</v>
      </c>
      <c r="D27" s="19">
        <v>1175</v>
      </c>
      <c r="E27" s="19">
        <v>1100</v>
      </c>
      <c r="F27" s="19"/>
      <c r="G27" s="18" t="s">
        <v>52</v>
      </c>
      <c r="H27" s="17"/>
      <c r="I27" s="13">
        <v>3035</v>
      </c>
      <c r="J27" s="19">
        <v>1395</v>
      </c>
      <c r="K27" s="19">
        <v>1640</v>
      </c>
    </row>
    <row r="28" spans="1:11" ht="15" customHeight="1">
      <c r="A28" s="17" t="s">
        <v>53</v>
      </c>
      <c r="B28" s="17"/>
      <c r="C28" s="13">
        <v>2290</v>
      </c>
      <c r="D28" s="19">
        <v>1142</v>
      </c>
      <c r="E28" s="19">
        <v>1148</v>
      </c>
      <c r="F28" s="19"/>
      <c r="G28" s="18" t="s">
        <v>54</v>
      </c>
      <c r="H28" s="17"/>
      <c r="I28" s="13">
        <v>3477</v>
      </c>
      <c r="J28" s="19">
        <v>1616</v>
      </c>
      <c r="K28" s="19">
        <v>1861</v>
      </c>
    </row>
    <row r="29" spans="1:11" ht="20.100000000000001" customHeight="1">
      <c r="A29" s="17" t="s">
        <v>55</v>
      </c>
      <c r="B29" s="17"/>
      <c r="C29" s="13">
        <v>12633</v>
      </c>
      <c r="D29" s="14">
        <v>6371</v>
      </c>
      <c r="E29" s="14">
        <v>6262</v>
      </c>
      <c r="F29" s="14"/>
      <c r="G29" s="18" t="s">
        <v>56</v>
      </c>
      <c r="H29" s="17"/>
      <c r="I29" s="13">
        <v>14148</v>
      </c>
      <c r="J29" s="14">
        <v>6441</v>
      </c>
      <c r="K29" s="14">
        <v>7707</v>
      </c>
    </row>
    <row r="30" spans="1:11" ht="15" customHeight="1">
      <c r="A30" s="17" t="s">
        <v>57</v>
      </c>
      <c r="B30" s="17"/>
      <c r="C30" s="13">
        <v>2443</v>
      </c>
      <c r="D30" s="19">
        <v>1208</v>
      </c>
      <c r="E30" s="19">
        <v>1235</v>
      </c>
      <c r="F30" s="19"/>
      <c r="G30" s="18" t="s">
        <v>58</v>
      </c>
      <c r="H30" s="17"/>
      <c r="I30" s="13">
        <v>3450</v>
      </c>
      <c r="J30" s="19">
        <v>1632</v>
      </c>
      <c r="K30" s="19">
        <v>1818</v>
      </c>
    </row>
    <row r="31" spans="1:11" ht="15" customHeight="1">
      <c r="A31" s="17" t="s">
        <v>59</v>
      </c>
      <c r="B31" s="17"/>
      <c r="C31" s="13">
        <v>2343</v>
      </c>
      <c r="D31" s="19">
        <v>1212</v>
      </c>
      <c r="E31" s="19">
        <v>1131</v>
      </c>
      <c r="F31" s="19"/>
      <c r="G31" s="18" t="s">
        <v>60</v>
      </c>
      <c r="H31" s="17"/>
      <c r="I31" s="13">
        <v>3506</v>
      </c>
      <c r="J31" s="19">
        <v>1568</v>
      </c>
      <c r="K31" s="19">
        <v>1938</v>
      </c>
    </row>
    <row r="32" spans="1:11" ht="15" customHeight="1">
      <c r="A32" s="17" t="s">
        <v>61</v>
      </c>
      <c r="B32" s="17"/>
      <c r="C32" s="13">
        <v>2587</v>
      </c>
      <c r="D32" s="19">
        <v>1290</v>
      </c>
      <c r="E32" s="19">
        <v>1297</v>
      </c>
      <c r="F32" s="19"/>
      <c r="G32" s="18" t="s">
        <v>62</v>
      </c>
      <c r="H32" s="17"/>
      <c r="I32" s="13">
        <v>2335</v>
      </c>
      <c r="J32" s="19">
        <v>1079</v>
      </c>
      <c r="K32" s="19">
        <v>1256</v>
      </c>
    </row>
    <row r="33" spans="1:11" ht="15" customHeight="1">
      <c r="A33" s="17" t="s">
        <v>63</v>
      </c>
      <c r="B33" s="17"/>
      <c r="C33" s="13">
        <v>2636</v>
      </c>
      <c r="D33" s="19">
        <v>1362</v>
      </c>
      <c r="E33" s="19">
        <v>1274</v>
      </c>
      <c r="F33" s="19"/>
      <c r="G33" s="18" t="s">
        <v>64</v>
      </c>
      <c r="H33" s="17"/>
      <c r="I33" s="13">
        <v>2164</v>
      </c>
      <c r="J33" s="19">
        <v>993</v>
      </c>
      <c r="K33" s="19">
        <v>1171</v>
      </c>
    </row>
    <row r="34" spans="1:11" ht="15" customHeight="1">
      <c r="A34" s="17" t="s">
        <v>65</v>
      </c>
      <c r="B34" s="17"/>
      <c r="C34" s="13">
        <v>2624</v>
      </c>
      <c r="D34" s="19">
        <v>1299</v>
      </c>
      <c r="E34" s="19">
        <v>1325</v>
      </c>
      <c r="F34" s="19"/>
      <c r="G34" s="18" t="s">
        <v>66</v>
      </c>
      <c r="H34" s="17"/>
      <c r="I34" s="13">
        <v>2693</v>
      </c>
      <c r="J34" s="19">
        <v>1169</v>
      </c>
      <c r="K34" s="19">
        <v>1524</v>
      </c>
    </row>
    <row r="35" spans="1:11" ht="20.100000000000001" customHeight="1">
      <c r="A35" s="17" t="s">
        <v>67</v>
      </c>
      <c r="B35" s="17"/>
      <c r="C35" s="13">
        <v>13083</v>
      </c>
      <c r="D35" s="14">
        <v>6860</v>
      </c>
      <c r="E35" s="14">
        <v>6223</v>
      </c>
      <c r="F35" s="14"/>
      <c r="G35" s="18" t="s">
        <v>68</v>
      </c>
      <c r="H35" s="17"/>
      <c r="I35" s="13">
        <v>12856</v>
      </c>
      <c r="J35" s="14">
        <v>5924</v>
      </c>
      <c r="K35" s="14">
        <v>6932</v>
      </c>
    </row>
    <row r="36" spans="1:11" ht="15" customHeight="1">
      <c r="A36" s="17" t="s">
        <v>69</v>
      </c>
      <c r="B36" s="17"/>
      <c r="C36" s="13">
        <v>2630</v>
      </c>
      <c r="D36" s="19">
        <v>1374</v>
      </c>
      <c r="E36" s="19">
        <v>1256</v>
      </c>
      <c r="F36" s="19"/>
      <c r="G36" s="18" t="s">
        <v>70</v>
      </c>
      <c r="H36" s="17"/>
      <c r="I36" s="13">
        <v>3027</v>
      </c>
      <c r="J36" s="19">
        <v>1423</v>
      </c>
      <c r="K36" s="19">
        <v>1604</v>
      </c>
    </row>
    <row r="37" spans="1:11" ht="15" customHeight="1">
      <c r="A37" s="17" t="s">
        <v>71</v>
      </c>
      <c r="B37" s="17"/>
      <c r="C37" s="13">
        <v>2705</v>
      </c>
      <c r="D37" s="19">
        <v>1426</v>
      </c>
      <c r="E37" s="19">
        <v>1279</v>
      </c>
      <c r="F37" s="19"/>
      <c r="G37" s="18" t="s">
        <v>72</v>
      </c>
      <c r="H37" s="17"/>
      <c r="I37" s="13">
        <v>2746</v>
      </c>
      <c r="J37" s="19">
        <v>1254</v>
      </c>
      <c r="K37" s="19">
        <v>1492</v>
      </c>
    </row>
    <row r="38" spans="1:11" ht="15" customHeight="1">
      <c r="A38" s="17" t="s">
        <v>73</v>
      </c>
      <c r="B38" s="17"/>
      <c r="C38" s="13">
        <v>2678</v>
      </c>
      <c r="D38" s="19">
        <v>1447</v>
      </c>
      <c r="E38" s="19">
        <v>1231</v>
      </c>
      <c r="F38" s="19"/>
      <c r="G38" s="18" t="s">
        <v>74</v>
      </c>
      <c r="H38" s="17"/>
      <c r="I38" s="13">
        <v>2721</v>
      </c>
      <c r="J38" s="19">
        <v>1232</v>
      </c>
      <c r="K38" s="19">
        <v>1489</v>
      </c>
    </row>
    <row r="39" spans="1:11" ht="15" customHeight="1">
      <c r="A39" s="17" t="s">
        <v>75</v>
      </c>
      <c r="B39" s="17"/>
      <c r="C39" s="13">
        <v>2577</v>
      </c>
      <c r="D39" s="19">
        <v>1352</v>
      </c>
      <c r="E39" s="19">
        <v>1225</v>
      </c>
      <c r="F39" s="19"/>
      <c r="G39" s="18" t="s">
        <v>76</v>
      </c>
      <c r="H39" s="17"/>
      <c r="I39" s="13">
        <v>2435</v>
      </c>
      <c r="J39" s="19">
        <v>1132</v>
      </c>
      <c r="K39" s="19">
        <v>1303</v>
      </c>
    </row>
    <row r="40" spans="1:11" ht="15" customHeight="1">
      <c r="A40" s="17" t="s">
        <v>77</v>
      </c>
      <c r="B40" s="17"/>
      <c r="C40" s="13">
        <v>2493</v>
      </c>
      <c r="D40" s="19">
        <v>1261</v>
      </c>
      <c r="E40" s="19">
        <v>1232</v>
      </c>
      <c r="F40" s="19"/>
      <c r="G40" s="18" t="s">
        <v>78</v>
      </c>
      <c r="H40" s="17"/>
      <c r="I40" s="13">
        <v>1927</v>
      </c>
      <c r="J40" s="19">
        <v>883</v>
      </c>
      <c r="K40" s="19">
        <v>1044</v>
      </c>
    </row>
    <row r="41" spans="1:11" ht="20.100000000000001" customHeight="1">
      <c r="A41" s="17" t="s">
        <v>79</v>
      </c>
      <c r="B41" s="17"/>
      <c r="C41" s="13">
        <v>14140</v>
      </c>
      <c r="D41" s="14">
        <v>7310</v>
      </c>
      <c r="E41" s="14">
        <v>6830</v>
      </c>
      <c r="F41" s="14"/>
      <c r="G41" s="18" t="s">
        <v>80</v>
      </c>
      <c r="H41" s="17"/>
      <c r="I41" s="13">
        <v>8154</v>
      </c>
      <c r="J41" s="14">
        <v>3628</v>
      </c>
      <c r="K41" s="14">
        <v>4526</v>
      </c>
    </row>
    <row r="42" spans="1:11" ht="15" customHeight="1">
      <c r="A42" s="17" t="s">
        <v>81</v>
      </c>
      <c r="B42" s="17"/>
      <c r="C42" s="13">
        <v>2756</v>
      </c>
      <c r="D42" s="19">
        <v>1469</v>
      </c>
      <c r="E42" s="19">
        <v>1287</v>
      </c>
      <c r="F42" s="19"/>
      <c r="G42" s="18" t="s">
        <v>82</v>
      </c>
      <c r="H42" s="17"/>
      <c r="I42" s="13">
        <v>1837</v>
      </c>
      <c r="J42" s="19">
        <v>848</v>
      </c>
      <c r="K42" s="19">
        <v>989</v>
      </c>
    </row>
    <row r="43" spans="1:11" ht="15" customHeight="1">
      <c r="A43" s="17" t="s">
        <v>83</v>
      </c>
      <c r="B43" s="17"/>
      <c r="C43" s="13">
        <v>2780</v>
      </c>
      <c r="D43" s="19">
        <v>1430</v>
      </c>
      <c r="E43" s="19">
        <v>1350</v>
      </c>
      <c r="F43" s="19"/>
      <c r="G43" s="18" t="s">
        <v>84</v>
      </c>
      <c r="H43" s="17"/>
      <c r="I43" s="13">
        <v>1869</v>
      </c>
      <c r="J43" s="19">
        <v>866</v>
      </c>
      <c r="K43" s="19">
        <v>1003</v>
      </c>
    </row>
    <row r="44" spans="1:11" ht="15" customHeight="1">
      <c r="A44" s="17" t="s">
        <v>85</v>
      </c>
      <c r="B44" s="17"/>
      <c r="C44" s="13">
        <v>2773</v>
      </c>
      <c r="D44" s="19">
        <v>1381</v>
      </c>
      <c r="E44" s="19">
        <v>1392</v>
      </c>
      <c r="F44" s="19"/>
      <c r="G44" s="18" t="s">
        <v>86</v>
      </c>
      <c r="H44" s="17"/>
      <c r="I44" s="13">
        <v>1653</v>
      </c>
      <c r="J44" s="19">
        <v>769</v>
      </c>
      <c r="K44" s="19">
        <v>884</v>
      </c>
    </row>
    <row r="45" spans="1:11" ht="15" customHeight="1">
      <c r="A45" s="17" t="s">
        <v>87</v>
      </c>
      <c r="B45" s="17"/>
      <c r="C45" s="13">
        <v>2837</v>
      </c>
      <c r="D45" s="19">
        <v>1480</v>
      </c>
      <c r="E45" s="19">
        <v>1357</v>
      </c>
      <c r="F45" s="19"/>
      <c r="G45" s="18" t="s">
        <v>88</v>
      </c>
      <c r="H45" s="17"/>
      <c r="I45" s="13">
        <v>1559</v>
      </c>
      <c r="J45" s="19">
        <v>670</v>
      </c>
      <c r="K45" s="19">
        <v>889</v>
      </c>
    </row>
    <row r="46" spans="1:11" ht="15" customHeight="1">
      <c r="A46" s="17" t="s">
        <v>89</v>
      </c>
      <c r="B46" s="17"/>
      <c r="C46" s="13">
        <v>2994</v>
      </c>
      <c r="D46" s="19">
        <v>1550</v>
      </c>
      <c r="E46" s="19">
        <v>1444</v>
      </c>
      <c r="F46" s="19"/>
      <c r="G46" s="18" t="s">
        <v>90</v>
      </c>
      <c r="H46" s="17"/>
      <c r="I46" s="13">
        <v>1236</v>
      </c>
      <c r="J46" s="19">
        <v>475</v>
      </c>
      <c r="K46" s="19">
        <v>761</v>
      </c>
    </row>
    <row r="47" spans="1:11" ht="20.100000000000001" customHeight="1">
      <c r="A47" s="17" t="s">
        <v>91</v>
      </c>
      <c r="B47" s="17"/>
      <c r="C47" s="13">
        <v>15482</v>
      </c>
      <c r="D47" s="14">
        <v>8003</v>
      </c>
      <c r="E47" s="14">
        <v>7479</v>
      </c>
      <c r="F47" s="14"/>
      <c r="G47" s="18" t="s">
        <v>92</v>
      </c>
      <c r="H47" s="17"/>
      <c r="I47" s="13">
        <v>4398</v>
      </c>
      <c r="J47" s="14">
        <v>1610</v>
      </c>
      <c r="K47" s="14">
        <v>2788</v>
      </c>
    </row>
    <row r="48" spans="1:11" ht="15" customHeight="1">
      <c r="A48" s="17" t="s">
        <v>93</v>
      </c>
      <c r="B48" s="17"/>
      <c r="C48" s="13">
        <v>3044</v>
      </c>
      <c r="D48" s="19">
        <v>1554</v>
      </c>
      <c r="E48" s="19">
        <v>1490</v>
      </c>
      <c r="F48" s="19"/>
      <c r="G48" s="18" t="s">
        <v>94</v>
      </c>
      <c r="H48" s="17"/>
      <c r="I48" s="13">
        <v>1136</v>
      </c>
      <c r="J48" s="19">
        <v>468</v>
      </c>
      <c r="K48" s="19">
        <v>668</v>
      </c>
    </row>
    <row r="49" spans="1:11" ht="15" customHeight="1">
      <c r="A49" s="17" t="s">
        <v>95</v>
      </c>
      <c r="B49" s="17"/>
      <c r="C49" s="13">
        <v>2909</v>
      </c>
      <c r="D49" s="19">
        <v>1550</v>
      </c>
      <c r="E49" s="19">
        <v>1359</v>
      </c>
      <c r="F49" s="19"/>
      <c r="G49" s="18" t="s">
        <v>96</v>
      </c>
      <c r="H49" s="17"/>
      <c r="I49" s="13">
        <v>1020</v>
      </c>
      <c r="J49" s="19">
        <v>348</v>
      </c>
      <c r="K49" s="19">
        <v>672</v>
      </c>
    </row>
    <row r="50" spans="1:11" ht="15" customHeight="1">
      <c r="A50" s="17" t="s">
        <v>97</v>
      </c>
      <c r="B50" s="17"/>
      <c r="C50" s="13">
        <v>3127</v>
      </c>
      <c r="D50" s="19">
        <v>1569</v>
      </c>
      <c r="E50" s="19">
        <v>1558</v>
      </c>
      <c r="F50" s="19"/>
      <c r="G50" s="18" t="s">
        <v>98</v>
      </c>
      <c r="H50" s="17"/>
      <c r="I50" s="13">
        <v>891</v>
      </c>
      <c r="J50" s="19">
        <v>321</v>
      </c>
      <c r="K50" s="19">
        <v>570</v>
      </c>
    </row>
    <row r="51" spans="1:11" ht="15" customHeight="1">
      <c r="A51" s="17" t="s">
        <v>99</v>
      </c>
      <c r="B51" s="17"/>
      <c r="C51" s="13">
        <v>3154</v>
      </c>
      <c r="D51" s="19">
        <v>1645</v>
      </c>
      <c r="E51" s="19">
        <v>1509</v>
      </c>
      <c r="F51" s="19"/>
      <c r="G51" s="18" t="s">
        <v>100</v>
      </c>
      <c r="H51" s="17"/>
      <c r="I51" s="13">
        <v>743</v>
      </c>
      <c r="J51" s="19">
        <v>265</v>
      </c>
      <c r="K51" s="19">
        <v>478</v>
      </c>
    </row>
    <row r="52" spans="1:11" ht="15" customHeight="1">
      <c r="A52" s="17" t="s">
        <v>101</v>
      </c>
      <c r="B52" s="17"/>
      <c r="C52" s="13">
        <v>3248</v>
      </c>
      <c r="D52" s="19">
        <v>1685</v>
      </c>
      <c r="E52" s="19">
        <v>1563</v>
      </c>
      <c r="F52" s="19"/>
      <c r="G52" s="18" t="s">
        <v>102</v>
      </c>
      <c r="H52" s="17"/>
      <c r="I52" s="13">
        <v>608</v>
      </c>
      <c r="J52" s="19">
        <v>208</v>
      </c>
      <c r="K52" s="19">
        <v>400</v>
      </c>
    </row>
    <row r="53" spans="1:11" ht="20.100000000000001" customHeight="1">
      <c r="A53" s="17" t="s">
        <v>103</v>
      </c>
      <c r="B53" s="17"/>
      <c r="C53" s="13">
        <v>18292</v>
      </c>
      <c r="D53" s="14">
        <v>9526</v>
      </c>
      <c r="E53" s="14">
        <v>8766</v>
      </c>
      <c r="F53" s="14"/>
      <c r="G53" s="18" t="s">
        <v>104</v>
      </c>
      <c r="H53" s="17"/>
      <c r="I53" s="13">
        <v>1983</v>
      </c>
      <c r="J53" s="14">
        <v>619</v>
      </c>
      <c r="K53" s="14">
        <v>1364</v>
      </c>
    </row>
    <row r="54" spans="1:11" ht="15" customHeight="1">
      <c r="A54" s="17" t="s">
        <v>105</v>
      </c>
      <c r="B54" s="17"/>
      <c r="C54" s="13">
        <v>3399</v>
      </c>
      <c r="D54" s="19">
        <v>1808</v>
      </c>
      <c r="E54" s="19">
        <v>1591</v>
      </c>
      <c r="F54" s="19"/>
      <c r="G54" s="18" t="s">
        <v>106</v>
      </c>
      <c r="H54" s="17"/>
      <c r="I54" s="13">
        <v>599</v>
      </c>
      <c r="J54" s="19">
        <v>205</v>
      </c>
      <c r="K54" s="19">
        <v>394</v>
      </c>
    </row>
    <row r="55" spans="1:11" ht="15" customHeight="1">
      <c r="A55" s="17" t="s">
        <v>107</v>
      </c>
      <c r="B55" s="17"/>
      <c r="C55" s="13">
        <v>3512</v>
      </c>
      <c r="D55" s="19">
        <v>1791</v>
      </c>
      <c r="E55" s="19">
        <v>1721</v>
      </c>
      <c r="F55" s="19"/>
      <c r="G55" s="18" t="s">
        <v>108</v>
      </c>
      <c r="H55" s="17"/>
      <c r="I55" s="13">
        <v>479</v>
      </c>
      <c r="J55" s="19">
        <v>153</v>
      </c>
      <c r="K55" s="19">
        <v>326</v>
      </c>
    </row>
    <row r="56" spans="1:11" ht="15" customHeight="1">
      <c r="A56" s="17" t="s">
        <v>109</v>
      </c>
      <c r="B56" s="17"/>
      <c r="C56" s="13">
        <v>3599</v>
      </c>
      <c r="D56" s="19">
        <v>1884</v>
      </c>
      <c r="E56" s="19">
        <v>1715</v>
      </c>
      <c r="F56" s="19"/>
      <c r="G56" s="18" t="s">
        <v>110</v>
      </c>
      <c r="H56" s="17"/>
      <c r="I56" s="13">
        <v>399</v>
      </c>
      <c r="J56" s="19">
        <v>130</v>
      </c>
      <c r="K56" s="19">
        <v>269</v>
      </c>
    </row>
    <row r="57" spans="1:11" ht="15" customHeight="1">
      <c r="A57" s="17" t="s">
        <v>111</v>
      </c>
      <c r="B57" s="17"/>
      <c r="C57" s="13">
        <v>3720</v>
      </c>
      <c r="D57" s="19">
        <v>1949</v>
      </c>
      <c r="E57" s="19">
        <v>1771</v>
      </c>
      <c r="F57" s="19"/>
      <c r="G57" s="18" t="s">
        <v>112</v>
      </c>
      <c r="H57" s="17"/>
      <c r="I57" s="13">
        <v>312</v>
      </c>
      <c r="J57" s="19">
        <v>89</v>
      </c>
      <c r="K57" s="19">
        <v>223</v>
      </c>
    </row>
    <row r="58" spans="1:11" ht="15" customHeight="1">
      <c r="A58" s="17" t="s">
        <v>113</v>
      </c>
      <c r="B58" s="17"/>
      <c r="C58" s="13">
        <v>4062</v>
      </c>
      <c r="D58" s="19">
        <v>2094</v>
      </c>
      <c r="E58" s="19">
        <v>1968</v>
      </c>
      <c r="F58" s="19"/>
      <c r="G58" s="18" t="s">
        <v>114</v>
      </c>
      <c r="H58" s="17"/>
      <c r="I58" s="13">
        <v>194</v>
      </c>
      <c r="J58" s="19">
        <v>42</v>
      </c>
      <c r="K58" s="19">
        <v>152</v>
      </c>
    </row>
    <row r="59" spans="1:11" ht="20.100000000000001" customHeight="1">
      <c r="A59" s="17" t="s">
        <v>115</v>
      </c>
      <c r="B59" s="17"/>
      <c r="C59" s="13">
        <v>20596</v>
      </c>
      <c r="D59" s="14">
        <v>10715</v>
      </c>
      <c r="E59" s="14">
        <v>9881</v>
      </c>
      <c r="F59" s="14"/>
      <c r="G59" s="18" t="s">
        <v>116</v>
      </c>
      <c r="H59" s="17"/>
      <c r="I59" s="13">
        <v>577</v>
      </c>
      <c r="J59" s="14">
        <v>113</v>
      </c>
      <c r="K59" s="14">
        <v>464</v>
      </c>
    </row>
    <row r="60" spans="1:11" ht="15" customHeight="1">
      <c r="A60" s="17" t="s">
        <v>117</v>
      </c>
      <c r="B60" s="17"/>
      <c r="C60" s="13">
        <v>4197</v>
      </c>
      <c r="D60" s="19">
        <v>2122</v>
      </c>
      <c r="E60" s="19">
        <v>2075</v>
      </c>
      <c r="F60" s="19"/>
      <c r="G60" s="18" t="s">
        <v>118</v>
      </c>
      <c r="H60" s="17"/>
      <c r="I60" s="13">
        <v>208</v>
      </c>
      <c r="J60" s="19">
        <v>43</v>
      </c>
      <c r="K60" s="19">
        <v>165</v>
      </c>
    </row>
    <row r="61" spans="1:11" ht="15" customHeight="1">
      <c r="A61" s="17" t="s">
        <v>119</v>
      </c>
      <c r="B61" s="17"/>
      <c r="C61" s="13">
        <v>4203</v>
      </c>
      <c r="D61" s="19">
        <v>2161</v>
      </c>
      <c r="E61" s="19">
        <v>2042</v>
      </c>
      <c r="F61" s="19"/>
      <c r="G61" s="18" t="s">
        <v>120</v>
      </c>
      <c r="H61" s="17"/>
      <c r="I61" s="13">
        <v>138</v>
      </c>
      <c r="J61" s="19">
        <v>32</v>
      </c>
      <c r="K61" s="19">
        <v>106</v>
      </c>
    </row>
    <row r="62" spans="1:11" ht="15" customHeight="1">
      <c r="A62" s="17" t="s">
        <v>121</v>
      </c>
      <c r="B62" s="17"/>
      <c r="C62" s="13">
        <v>4219</v>
      </c>
      <c r="D62" s="19">
        <v>2248</v>
      </c>
      <c r="E62" s="19">
        <v>1971</v>
      </c>
      <c r="F62" s="19"/>
      <c r="G62" s="18" t="s">
        <v>122</v>
      </c>
      <c r="H62" s="17"/>
      <c r="I62" s="13">
        <v>100</v>
      </c>
      <c r="J62" s="19">
        <v>13</v>
      </c>
      <c r="K62" s="19">
        <v>87</v>
      </c>
    </row>
    <row r="63" spans="1:11" ht="15" customHeight="1">
      <c r="A63" s="17" t="s">
        <v>123</v>
      </c>
      <c r="B63" s="17"/>
      <c r="C63" s="13">
        <v>4069</v>
      </c>
      <c r="D63" s="19">
        <v>2177</v>
      </c>
      <c r="E63" s="19">
        <v>1892</v>
      </c>
      <c r="F63" s="19"/>
      <c r="G63" s="18" t="s">
        <v>124</v>
      </c>
      <c r="H63" s="17"/>
      <c r="I63" s="13">
        <v>78</v>
      </c>
      <c r="J63" s="19">
        <v>11</v>
      </c>
      <c r="K63" s="19">
        <v>67</v>
      </c>
    </row>
    <row r="64" spans="1:11" ht="15" customHeight="1">
      <c r="A64" s="17" t="s">
        <v>125</v>
      </c>
      <c r="B64" s="17"/>
      <c r="C64" s="13">
        <v>3908</v>
      </c>
      <c r="D64" s="19">
        <v>2007</v>
      </c>
      <c r="E64" s="19">
        <v>1901</v>
      </c>
      <c r="F64" s="19"/>
      <c r="G64" s="18" t="s">
        <v>126</v>
      </c>
      <c r="H64" s="17"/>
      <c r="I64" s="13">
        <v>53</v>
      </c>
      <c r="J64" s="19">
        <v>14</v>
      </c>
      <c r="K64" s="19">
        <v>3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5</v>
      </c>
      <c r="J65" s="19">
        <v>19</v>
      </c>
      <c r="K65" s="19">
        <v>9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22</v>
      </c>
      <c r="J66" s="29">
        <v>850</v>
      </c>
      <c r="K66" s="29">
        <v>57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1" pageOrder="overThenDown" orientation="portrait" blackAndWhite="1" useFirstPageNumber="1" horizontalDpi="300" verticalDpi="300"/>
  <headerFooter scaleWithDoc="0"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76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2824</v>
      </c>
      <c r="D4" s="14">
        <v>66905</v>
      </c>
      <c r="E4" s="14">
        <v>6591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545</v>
      </c>
      <c r="D5" s="14">
        <v>2858</v>
      </c>
      <c r="E5" s="14">
        <v>2687</v>
      </c>
      <c r="F5" s="14"/>
      <c r="G5" s="18" t="s">
        <v>8</v>
      </c>
      <c r="H5" s="17"/>
      <c r="I5" s="13">
        <v>9353</v>
      </c>
      <c r="J5" s="14">
        <v>4888</v>
      </c>
      <c r="K5" s="14">
        <v>4465</v>
      </c>
    </row>
    <row r="6" spans="1:11" ht="15" customHeight="1">
      <c r="A6" s="17" t="s">
        <v>9</v>
      </c>
      <c r="B6" s="17"/>
      <c r="C6" s="13">
        <v>1111</v>
      </c>
      <c r="D6" s="19">
        <v>626</v>
      </c>
      <c r="E6" s="19">
        <v>485</v>
      </c>
      <c r="F6" s="19"/>
      <c r="G6" s="18" t="s">
        <v>10</v>
      </c>
      <c r="H6" s="17"/>
      <c r="I6" s="13">
        <v>2122</v>
      </c>
      <c r="J6" s="19">
        <v>1124</v>
      </c>
      <c r="K6" s="19">
        <v>998</v>
      </c>
    </row>
    <row r="7" spans="1:11" ht="15" customHeight="1">
      <c r="A7" s="17" t="s">
        <v>11</v>
      </c>
      <c r="B7" s="17"/>
      <c r="C7" s="13">
        <v>1071</v>
      </c>
      <c r="D7" s="19">
        <v>538</v>
      </c>
      <c r="E7" s="19">
        <v>533</v>
      </c>
      <c r="F7" s="19"/>
      <c r="G7" s="18" t="s">
        <v>12</v>
      </c>
      <c r="H7" s="17"/>
      <c r="I7" s="13">
        <v>2070</v>
      </c>
      <c r="J7" s="19">
        <v>1026</v>
      </c>
      <c r="K7" s="19">
        <v>1044</v>
      </c>
    </row>
    <row r="8" spans="1:11" ht="15" customHeight="1">
      <c r="A8" s="17" t="s">
        <v>13</v>
      </c>
      <c r="B8" s="17"/>
      <c r="C8" s="13">
        <v>1128</v>
      </c>
      <c r="D8" s="19">
        <v>572</v>
      </c>
      <c r="E8" s="19">
        <v>556</v>
      </c>
      <c r="F8" s="19"/>
      <c r="G8" s="18" t="s">
        <v>14</v>
      </c>
      <c r="H8" s="17"/>
      <c r="I8" s="13">
        <v>1518</v>
      </c>
      <c r="J8" s="19">
        <v>816</v>
      </c>
      <c r="K8" s="19">
        <v>702</v>
      </c>
    </row>
    <row r="9" spans="1:11" ht="15" customHeight="1">
      <c r="A9" s="17" t="s">
        <v>15</v>
      </c>
      <c r="B9" s="17"/>
      <c r="C9" s="13">
        <v>1111</v>
      </c>
      <c r="D9" s="19">
        <v>558</v>
      </c>
      <c r="E9" s="19">
        <v>553</v>
      </c>
      <c r="F9" s="19"/>
      <c r="G9" s="18" t="s">
        <v>16</v>
      </c>
      <c r="H9" s="17"/>
      <c r="I9" s="13">
        <v>1963</v>
      </c>
      <c r="J9" s="19">
        <v>1053</v>
      </c>
      <c r="K9" s="19">
        <v>910</v>
      </c>
    </row>
    <row r="10" spans="1:11" ht="15" customHeight="1">
      <c r="A10" s="17" t="s">
        <v>17</v>
      </c>
      <c r="B10" s="17"/>
      <c r="C10" s="13">
        <v>1124</v>
      </c>
      <c r="D10" s="19">
        <v>564</v>
      </c>
      <c r="E10" s="19">
        <v>560</v>
      </c>
      <c r="F10" s="19"/>
      <c r="G10" s="18" t="s">
        <v>18</v>
      </c>
      <c r="H10" s="17"/>
      <c r="I10" s="13">
        <v>1680</v>
      </c>
      <c r="J10" s="19">
        <v>869</v>
      </c>
      <c r="K10" s="19">
        <v>811</v>
      </c>
    </row>
    <row r="11" spans="1:11" ht="20.100000000000001" customHeight="1">
      <c r="A11" s="17" t="s">
        <v>19</v>
      </c>
      <c r="B11" s="17"/>
      <c r="C11" s="13">
        <v>5839</v>
      </c>
      <c r="D11" s="14">
        <v>3021</v>
      </c>
      <c r="E11" s="14">
        <v>2818</v>
      </c>
      <c r="F11" s="14"/>
      <c r="G11" s="18" t="s">
        <v>20</v>
      </c>
      <c r="H11" s="17"/>
      <c r="I11" s="13">
        <v>7470</v>
      </c>
      <c r="J11" s="14">
        <v>3839</v>
      </c>
      <c r="K11" s="14">
        <v>3631</v>
      </c>
    </row>
    <row r="12" spans="1:11" ht="15" customHeight="1">
      <c r="A12" s="17" t="s">
        <v>21</v>
      </c>
      <c r="B12" s="17"/>
      <c r="C12" s="13">
        <v>1127</v>
      </c>
      <c r="D12" s="19">
        <v>584</v>
      </c>
      <c r="E12" s="19">
        <v>543</v>
      </c>
      <c r="F12" s="19"/>
      <c r="G12" s="18" t="s">
        <v>22</v>
      </c>
      <c r="H12" s="17"/>
      <c r="I12" s="13">
        <v>1643</v>
      </c>
      <c r="J12" s="19">
        <v>858</v>
      </c>
      <c r="K12" s="19">
        <v>785</v>
      </c>
    </row>
    <row r="13" spans="1:11" ht="15" customHeight="1">
      <c r="A13" s="17" t="s">
        <v>23</v>
      </c>
      <c r="B13" s="17"/>
      <c r="C13" s="13">
        <v>1148</v>
      </c>
      <c r="D13" s="19">
        <v>595</v>
      </c>
      <c r="E13" s="19">
        <v>553</v>
      </c>
      <c r="F13" s="19"/>
      <c r="G13" s="18" t="s">
        <v>24</v>
      </c>
      <c r="H13" s="17"/>
      <c r="I13" s="13">
        <v>1528</v>
      </c>
      <c r="J13" s="19">
        <v>782</v>
      </c>
      <c r="K13" s="19">
        <v>746</v>
      </c>
    </row>
    <row r="14" spans="1:11" ht="15" customHeight="1">
      <c r="A14" s="17" t="s">
        <v>25</v>
      </c>
      <c r="B14" s="17"/>
      <c r="C14" s="13">
        <v>1186</v>
      </c>
      <c r="D14" s="19">
        <v>602</v>
      </c>
      <c r="E14" s="19">
        <v>584</v>
      </c>
      <c r="F14" s="19"/>
      <c r="G14" s="18" t="s">
        <v>26</v>
      </c>
      <c r="H14" s="17"/>
      <c r="I14" s="13">
        <v>1448</v>
      </c>
      <c r="J14" s="19">
        <v>775</v>
      </c>
      <c r="K14" s="19">
        <v>673</v>
      </c>
    </row>
    <row r="15" spans="1:11" ht="15" customHeight="1">
      <c r="A15" s="17" t="s">
        <v>27</v>
      </c>
      <c r="B15" s="17"/>
      <c r="C15" s="13">
        <v>1187</v>
      </c>
      <c r="D15" s="19">
        <v>626</v>
      </c>
      <c r="E15" s="19">
        <v>561</v>
      </c>
      <c r="F15" s="19"/>
      <c r="G15" s="18" t="s">
        <v>28</v>
      </c>
      <c r="H15" s="17"/>
      <c r="I15" s="13">
        <v>1433</v>
      </c>
      <c r="J15" s="19">
        <v>718</v>
      </c>
      <c r="K15" s="19">
        <v>715</v>
      </c>
    </row>
    <row r="16" spans="1:11" ht="15" customHeight="1">
      <c r="A16" s="17" t="s">
        <v>29</v>
      </c>
      <c r="B16" s="17"/>
      <c r="C16" s="13">
        <v>1191</v>
      </c>
      <c r="D16" s="19">
        <v>614</v>
      </c>
      <c r="E16" s="19">
        <v>577</v>
      </c>
      <c r="F16" s="19"/>
      <c r="G16" s="18" t="s">
        <v>30</v>
      </c>
      <c r="H16" s="17"/>
      <c r="I16" s="13">
        <v>1418</v>
      </c>
      <c r="J16" s="19">
        <v>706</v>
      </c>
      <c r="K16" s="19">
        <v>712</v>
      </c>
    </row>
    <row r="17" spans="1:11" ht="20.100000000000001" customHeight="1">
      <c r="A17" s="20" t="s">
        <v>31</v>
      </c>
      <c r="B17" s="20"/>
      <c r="C17" s="13">
        <v>6140</v>
      </c>
      <c r="D17" s="14">
        <v>3124</v>
      </c>
      <c r="E17" s="14">
        <v>3016</v>
      </c>
      <c r="F17" s="14"/>
      <c r="G17" s="18" t="s">
        <v>32</v>
      </c>
      <c r="H17" s="17"/>
      <c r="I17" s="13">
        <v>6808</v>
      </c>
      <c r="J17" s="14">
        <v>3371</v>
      </c>
      <c r="K17" s="14">
        <v>3437</v>
      </c>
    </row>
    <row r="18" spans="1:11" ht="15" customHeight="1">
      <c r="A18" s="17" t="s">
        <v>33</v>
      </c>
      <c r="B18" s="17"/>
      <c r="C18" s="13">
        <v>1198</v>
      </c>
      <c r="D18" s="19">
        <v>603</v>
      </c>
      <c r="E18" s="19">
        <v>595</v>
      </c>
      <c r="F18" s="19"/>
      <c r="G18" s="18" t="s">
        <v>34</v>
      </c>
      <c r="H18" s="17"/>
      <c r="I18" s="13">
        <v>1378</v>
      </c>
      <c r="J18" s="19">
        <v>699</v>
      </c>
      <c r="K18" s="19">
        <v>679</v>
      </c>
    </row>
    <row r="19" spans="1:11" ht="15" customHeight="1">
      <c r="A19" s="17" t="s">
        <v>35</v>
      </c>
      <c r="B19" s="17"/>
      <c r="C19" s="13">
        <v>1189</v>
      </c>
      <c r="D19" s="19">
        <v>599</v>
      </c>
      <c r="E19" s="19">
        <v>590</v>
      </c>
      <c r="F19" s="19"/>
      <c r="G19" s="18" t="s">
        <v>36</v>
      </c>
      <c r="H19" s="17"/>
      <c r="I19" s="13">
        <v>1256</v>
      </c>
      <c r="J19" s="19">
        <v>626</v>
      </c>
      <c r="K19" s="19">
        <v>630</v>
      </c>
    </row>
    <row r="20" spans="1:11" ht="15" customHeight="1">
      <c r="A20" s="17" t="s">
        <v>37</v>
      </c>
      <c r="B20" s="17"/>
      <c r="C20" s="13">
        <v>1236</v>
      </c>
      <c r="D20" s="19">
        <v>635</v>
      </c>
      <c r="E20" s="19">
        <v>601</v>
      </c>
      <c r="F20" s="19"/>
      <c r="G20" s="18" t="s">
        <v>38</v>
      </c>
      <c r="H20" s="17"/>
      <c r="I20" s="13">
        <v>1314</v>
      </c>
      <c r="J20" s="19">
        <v>633</v>
      </c>
      <c r="K20" s="19">
        <v>681</v>
      </c>
    </row>
    <row r="21" spans="1:11" ht="15" customHeight="1">
      <c r="A21" s="17" t="s">
        <v>39</v>
      </c>
      <c r="B21" s="17"/>
      <c r="C21" s="13">
        <v>1271</v>
      </c>
      <c r="D21" s="19">
        <v>659</v>
      </c>
      <c r="E21" s="19">
        <v>612</v>
      </c>
      <c r="F21" s="19"/>
      <c r="G21" s="18" t="s">
        <v>40</v>
      </c>
      <c r="H21" s="17"/>
      <c r="I21" s="13">
        <v>1415</v>
      </c>
      <c r="J21" s="19">
        <v>698</v>
      </c>
      <c r="K21" s="19">
        <v>717</v>
      </c>
    </row>
    <row r="22" spans="1:11" ht="15" customHeight="1">
      <c r="A22" s="17" t="s">
        <v>41</v>
      </c>
      <c r="B22" s="17"/>
      <c r="C22" s="13">
        <v>1246</v>
      </c>
      <c r="D22" s="19">
        <v>628</v>
      </c>
      <c r="E22" s="19">
        <v>618</v>
      </c>
      <c r="F22" s="19"/>
      <c r="G22" s="18" t="s">
        <v>42</v>
      </c>
      <c r="H22" s="17"/>
      <c r="I22" s="13">
        <v>1445</v>
      </c>
      <c r="J22" s="19">
        <v>715</v>
      </c>
      <c r="K22" s="19">
        <v>730</v>
      </c>
    </row>
    <row r="23" spans="1:11" ht="20.100000000000001" customHeight="1">
      <c r="A23" s="17" t="s">
        <v>43</v>
      </c>
      <c r="B23" s="17"/>
      <c r="C23" s="13">
        <v>6353</v>
      </c>
      <c r="D23" s="14">
        <v>3258</v>
      </c>
      <c r="E23" s="14">
        <v>3095</v>
      </c>
      <c r="F23" s="14"/>
      <c r="G23" s="18" t="s">
        <v>44</v>
      </c>
      <c r="H23" s="17"/>
      <c r="I23" s="13">
        <v>8890</v>
      </c>
      <c r="J23" s="14">
        <v>4261</v>
      </c>
      <c r="K23" s="14">
        <v>4629</v>
      </c>
    </row>
    <row r="24" spans="1:11" ht="15" customHeight="1">
      <c r="A24" s="17" t="s">
        <v>45</v>
      </c>
      <c r="B24" s="17"/>
      <c r="C24" s="13">
        <v>1237</v>
      </c>
      <c r="D24" s="19">
        <v>661</v>
      </c>
      <c r="E24" s="19">
        <v>576</v>
      </c>
      <c r="F24" s="19"/>
      <c r="G24" s="18" t="s">
        <v>46</v>
      </c>
      <c r="H24" s="17"/>
      <c r="I24" s="13">
        <v>1457</v>
      </c>
      <c r="J24" s="19">
        <v>746</v>
      </c>
      <c r="K24" s="19">
        <v>711</v>
      </c>
    </row>
    <row r="25" spans="1:11" ht="15" customHeight="1">
      <c r="A25" s="17" t="s">
        <v>47</v>
      </c>
      <c r="B25" s="17"/>
      <c r="C25" s="13">
        <v>1320</v>
      </c>
      <c r="D25" s="19">
        <v>655</v>
      </c>
      <c r="E25" s="19">
        <v>665</v>
      </c>
      <c r="F25" s="19"/>
      <c r="G25" s="18" t="s">
        <v>48</v>
      </c>
      <c r="H25" s="17"/>
      <c r="I25" s="13">
        <v>1661</v>
      </c>
      <c r="J25" s="19">
        <v>771</v>
      </c>
      <c r="K25" s="19">
        <v>890</v>
      </c>
    </row>
    <row r="26" spans="1:11" ht="15" customHeight="1">
      <c r="A26" s="17" t="s">
        <v>49</v>
      </c>
      <c r="B26" s="17"/>
      <c r="C26" s="13">
        <v>1271</v>
      </c>
      <c r="D26" s="19">
        <v>642</v>
      </c>
      <c r="E26" s="19">
        <v>629</v>
      </c>
      <c r="F26" s="19"/>
      <c r="G26" s="18" t="s">
        <v>50</v>
      </c>
      <c r="H26" s="17"/>
      <c r="I26" s="13">
        <v>1742</v>
      </c>
      <c r="J26" s="19">
        <v>832</v>
      </c>
      <c r="K26" s="19">
        <v>910</v>
      </c>
    </row>
    <row r="27" spans="1:11" ht="15" customHeight="1">
      <c r="A27" s="17" t="s">
        <v>51</v>
      </c>
      <c r="B27" s="17"/>
      <c r="C27" s="13">
        <v>1279</v>
      </c>
      <c r="D27" s="19">
        <v>660</v>
      </c>
      <c r="E27" s="19">
        <v>619</v>
      </c>
      <c r="F27" s="19"/>
      <c r="G27" s="18" t="s">
        <v>52</v>
      </c>
      <c r="H27" s="17"/>
      <c r="I27" s="13">
        <v>1876</v>
      </c>
      <c r="J27" s="19">
        <v>880</v>
      </c>
      <c r="K27" s="19">
        <v>996</v>
      </c>
    </row>
    <row r="28" spans="1:11" ht="15" customHeight="1">
      <c r="A28" s="17" t="s">
        <v>53</v>
      </c>
      <c r="B28" s="17"/>
      <c r="C28" s="13">
        <v>1246</v>
      </c>
      <c r="D28" s="19">
        <v>640</v>
      </c>
      <c r="E28" s="19">
        <v>606</v>
      </c>
      <c r="F28" s="19"/>
      <c r="G28" s="18" t="s">
        <v>54</v>
      </c>
      <c r="H28" s="17"/>
      <c r="I28" s="13">
        <v>2154</v>
      </c>
      <c r="J28" s="19">
        <v>1032</v>
      </c>
      <c r="K28" s="19">
        <v>1122</v>
      </c>
    </row>
    <row r="29" spans="1:11" ht="20.100000000000001" customHeight="1">
      <c r="A29" s="17" t="s">
        <v>55</v>
      </c>
      <c r="B29" s="17"/>
      <c r="C29" s="13">
        <v>6695</v>
      </c>
      <c r="D29" s="14">
        <v>3472</v>
      </c>
      <c r="E29" s="14">
        <v>3223</v>
      </c>
      <c r="F29" s="14"/>
      <c r="G29" s="18" t="s">
        <v>56</v>
      </c>
      <c r="H29" s="17"/>
      <c r="I29" s="13">
        <v>8345</v>
      </c>
      <c r="J29" s="14">
        <v>4008</v>
      </c>
      <c r="K29" s="14">
        <v>4337</v>
      </c>
    </row>
    <row r="30" spans="1:11" ht="15" customHeight="1">
      <c r="A30" s="17" t="s">
        <v>57</v>
      </c>
      <c r="B30" s="17"/>
      <c r="C30" s="13">
        <v>1305</v>
      </c>
      <c r="D30" s="19">
        <v>676</v>
      </c>
      <c r="E30" s="19">
        <v>629</v>
      </c>
      <c r="F30" s="19"/>
      <c r="G30" s="18" t="s">
        <v>58</v>
      </c>
      <c r="H30" s="17"/>
      <c r="I30" s="13">
        <v>2069</v>
      </c>
      <c r="J30" s="19">
        <v>967</v>
      </c>
      <c r="K30" s="19">
        <v>1102</v>
      </c>
    </row>
    <row r="31" spans="1:11" ht="15" customHeight="1">
      <c r="A31" s="17" t="s">
        <v>59</v>
      </c>
      <c r="B31" s="17"/>
      <c r="C31" s="13">
        <v>1247</v>
      </c>
      <c r="D31" s="19">
        <v>638</v>
      </c>
      <c r="E31" s="19">
        <v>609</v>
      </c>
      <c r="F31" s="19"/>
      <c r="G31" s="18" t="s">
        <v>60</v>
      </c>
      <c r="H31" s="17"/>
      <c r="I31" s="13">
        <v>2034</v>
      </c>
      <c r="J31" s="19">
        <v>939</v>
      </c>
      <c r="K31" s="19">
        <v>1095</v>
      </c>
    </row>
    <row r="32" spans="1:11" ht="15" customHeight="1">
      <c r="A32" s="17" t="s">
        <v>61</v>
      </c>
      <c r="B32" s="17"/>
      <c r="C32" s="13">
        <v>1358</v>
      </c>
      <c r="D32" s="19">
        <v>689</v>
      </c>
      <c r="E32" s="19">
        <v>669</v>
      </c>
      <c r="F32" s="19"/>
      <c r="G32" s="18" t="s">
        <v>62</v>
      </c>
      <c r="H32" s="17"/>
      <c r="I32" s="13">
        <v>1432</v>
      </c>
      <c r="J32" s="19">
        <v>719</v>
      </c>
      <c r="K32" s="19">
        <v>713</v>
      </c>
    </row>
    <row r="33" spans="1:11" ht="15" customHeight="1">
      <c r="A33" s="17" t="s">
        <v>63</v>
      </c>
      <c r="B33" s="17"/>
      <c r="C33" s="13">
        <v>1350</v>
      </c>
      <c r="D33" s="19">
        <v>704</v>
      </c>
      <c r="E33" s="19">
        <v>646</v>
      </c>
      <c r="F33" s="19"/>
      <c r="G33" s="18" t="s">
        <v>64</v>
      </c>
      <c r="H33" s="17"/>
      <c r="I33" s="13">
        <v>1274</v>
      </c>
      <c r="J33" s="19">
        <v>636</v>
      </c>
      <c r="K33" s="19">
        <v>638</v>
      </c>
    </row>
    <row r="34" spans="1:11" ht="15" customHeight="1">
      <c r="A34" s="17" t="s">
        <v>65</v>
      </c>
      <c r="B34" s="17"/>
      <c r="C34" s="13">
        <v>1435</v>
      </c>
      <c r="D34" s="19">
        <v>765</v>
      </c>
      <c r="E34" s="19">
        <v>670</v>
      </c>
      <c r="F34" s="19"/>
      <c r="G34" s="18" t="s">
        <v>66</v>
      </c>
      <c r="H34" s="17"/>
      <c r="I34" s="13">
        <v>1536</v>
      </c>
      <c r="J34" s="19">
        <v>747</v>
      </c>
      <c r="K34" s="19">
        <v>789</v>
      </c>
    </row>
    <row r="35" spans="1:11" ht="20.100000000000001" customHeight="1">
      <c r="A35" s="17" t="s">
        <v>67</v>
      </c>
      <c r="B35" s="17"/>
      <c r="C35" s="13">
        <v>6689</v>
      </c>
      <c r="D35" s="14">
        <v>3579</v>
      </c>
      <c r="E35" s="14">
        <v>3110</v>
      </c>
      <c r="F35" s="14"/>
      <c r="G35" s="18" t="s">
        <v>68</v>
      </c>
      <c r="H35" s="17"/>
      <c r="I35" s="13">
        <v>7287</v>
      </c>
      <c r="J35" s="14">
        <v>3415</v>
      </c>
      <c r="K35" s="14">
        <v>3872</v>
      </c>
    </row>
    <row r="36" spans="1:11" ht="15" customHeight="1">
      <c r="A36" s="17" t="s">
        <v>69</v>
      </c>
      <c r="B36" s="17"/>
      <c r="C36" s="13">
        <v>1300</v>
      </c>
      <c r="D36" s="19">
        <v>706</v>
      </c>
      <c r="E36" s="19">
        <v>594</v>
      </c>
      <c r="F36" s="19"/>
      <c r="G36" s="18" t="s">
        <v>70</v>
      </c>
      <c r="H36" s="17"/>
      <c r="I36" s="13">
        <v>1683</v>
      </c>
      <c r="J36" s="19">
        <v>753</v>
      </c>
      <c r="K36" s="19">
        <v>930</v>
      </c>
    </row>
    <row r="37" spans="1:11" ht="15" customHeight="1">
      <c r="A37" s="17" t="s">
        <v>71</v>
      </c>
      <c r="B37" s="17"/>
      <c r="C37" s="13">
        <v>1325</v>
      </c>
      <c r="D37" s="19">
        <v>730</v>
      </c>
      <c r="E37" s="19">
        <v>595</v>
      </c>
      <c r="F37" s="19"/>
      <c r="G37" s="18" t="s">
        <v>72</v>
      </c>
      <c r="H37" s="17"/>
      <c r="I37" s="13">
        <v>1568</v>
      </c>
      <c r="J37" s="19">
        <v>755</v>
      </c>
      <c r="K37" s="19">
        <v>813</v>
      </c>
    </row>
    <row r="38" spans="1:11" ht="15" customHeight="1">
      <c r="A38" s="17" t="s">
        <v>73</v>
      </c>
      <c r="B38" s="17"/>
      <c r="C38" s="13">
        <v>1332</v>
      </c>
      <c r="D38" s="19">
        <v>675</v>
      </c>
      <c r="E38" s="19">
        <v>657</v>
      </c>
      <c r="F38" s="19"/>
      <c r="G38" s="18" t="s">
        <v>74</v>
      </c>
      <c r="H38" s="17"/>
      <c r="I38" s="13">
        <v>1527</v>
      </c>
      <c r="J38" s="19">
        <v>706</v>
      </c>
      <c r="K38" s="19">
        <v>821</v>
      </c>
    </row>
    <row r="39" spans="1:11" ht="15" customHeight="1">
      <c r="A39" s="17" t="s">
        <v>75</v>
      </c>
      <c r="B39" s="17"/>
      <c r="C39" s="13">
        <v>1347</v>
      </c>
      <c r="D39" s="19">
        <v>720</v>
      </c>
      <c r="E39" s="19">
        <v>627</v>
      </c>
      <c r="F39" s="19"/>
      <c r="G39" s="18" t="s">
        <v>76</v>
      </c>
      <c r="H39" s="17"/>
      <c r="I39" s="13">
        <v>1368</v>
      </c>
      <c r="J39" s="19">
        <v>652</v>
      </c>
      <c r="K39" s="19">
        <v>716</v>
      </c>
    </row>
    <row r="40" spans="1:11" ht="15" customHeight="1">
      <c r="A40" s="17" t="s">
        <v>77</v>
      </c>
      <c r="B40" s="17"/>
      <c r="C40" s="13">
        <v>1385</v>
      </c>
      <c r="D40" s="19">
        <v>748</v>
      </c>
      <c r="E40" s="19">
        <v>637</v>
      </c>
      <c r="F40" s="19"/>
      <c r="G40" s="18" t="s">
        <v>78</v>
      </c>
      <c r="H40" s="17"/>
      <c r="I40" s="13">
        <v>1141</v>
      </c>
      <c r="J40" s="19">
        <v>549</v>
      </c>
      <c r="K40" s="19">
        <v>592</v>
      </c>
    </row>
    <row r="41" spans="1:11" ht="20.100000000000001" customHeight="1">
      <c r="A41" s="17" t="s">
        <v>79</v>
      </c>
      <c r="B41" s="17"/>
      <c r="C41" s="13">
        <v>7698</v>
      </c>
      <c r="D41" s="14">
        <v>4063</v>
      </c>
      <c r="E41" s="14">
        <v>3635</v>
      </c>
      <c r="F41" s="14"/>
      <c r="G41" s="18" t="s">
        <v>80</v>
      </c>
      <c r="H41" s="17"/>
      <c r="I41" s="13">
        <v>4548</v>
      </c>
      <c r="J41" s="14">
        <v>2125</v>
      </c>
      <c r="K41" s="14">
        <v>2423</v>
      </c>
    </row>
    <row r="42" spans="1:11" ht="15" customHeight="1">
      <c r="A42" s="17" t="s">
        <v>81</v>
      </c>
      <c r="B42" s="17"/>
      <c r="C42" s="13">
        <v>1447</v>
      </c>
      <c r="D42" s="19">
        <v>767</v>
      </c>
      <c r="E42" s="19">
        <v>680</v>
      </c>
      <c r="F42" s="19"/>
      <c r="G42" s="18" t="s">
        <v>82</v>
      </c>
      <c r="H42" s="17"/>
      <c r="I42" s="13">
        <v>1031</v>
      </c>
      <c r="J42" s="19">
        <v>503</v>
      </c>
      <c r="K42" s="19">
        <v>528</v>
      </c>
    </row>
    <row r="43" spans="1:11" ht="15" customHeight="1">
      <c r="A43" s="17" t="s">
        <v>83</v>
      </c>
      <c r="B43" s="17"/>
      <c r="C43" s="13">
        <v>1465</v>
      </c>
      <c r="D43" s="19">
        <v>765</v>
      </c>
      <c r="E43" s="19">
        <v>700</v>
      </c>
      <c r="F43" s="19"/>
      <c r="G43" s="18" t="s">
        <v>84</v>
      </c>
      <c r="H43" s="17"/>
      <c r="I43" s="13">
        <v>1099</v>
      </c>
      <c r="J43" s="19">
        <v>508</v>
      </c>
      <c r="K43" s="19">
        <v>591</v>
      </c>
    </row>
    <row r="44" spans="1:11" ht="15" customHeight="1">
      <c r="A44" s="17" t="s">
        <v>85</v>
      </c>
      <c r="B44" s="17"/>
      <c r="C44" s="13">
        <v>1508</v>
      </c>
      <c r="D44" s="19">
        <v>822</v>
      </c>
      <c r="E44" s="19">
        <v>686</v>
      </c>
      <c r="F44" s="19"/>
      <c r="G44" s="18" t="s">
        <v>86</v>
      </c>
      <c r="H44" s="17"/>
      <c r="I44" s="13">
        <v>927</v>
      </c>
      <c r="J44" s="19">
        <v>444</v>
      </c>
      <c r="K44" s="19">
        <v>483</v>
      </c>
    </row>
    <row r="45" spans="1:11" ht="15" customHeight="1">
      <c r="A45" s="17" t="s">
        <v>87</v>
      </c>
      <c r="B45" s="17"/>
      <c r="C45" s="13">
        <v>1545</v>
      </c>
      <c r="D45" s="19">
        <v>803</v>
      </c>
      <c r="E45" s="19">
        <v>742</v>
      </c>
      <c r="F45" s="19"/>
      <c r="G45" s="18" t="s">
        <v>88</v>
      </c>
      <c r="H45" s="17"/>
      <c r="I45" s="13">
        <v>793</v>
      </c>
      <c r="J45" s="19">
        <v>373</v>
      </c>
      <c r="K45" s="19">
        <v>420</v>
      </c>
    </row>
    <row r="46" spans="1:11" ht="15" customHeight="1">
      <c r="A46" s="17" t="s">
        <v>89</v>
      </c>
      <c r="B46" s="17"/>
      <c r="C46" s="13">
        <v>1733</v>
      </c>
      <c r="D46" s="19">
        <v>906</v>
      </c>
      <c r="E46" s="19">
        <v>827</v>
      </c>
      <c r="F46" s="19"/>
      <c r="G46" s="18" t="s">
        <v>90</v>
      </c>
      <c r="H46" s="17"/>
      <c r="I46" s="13">
        <v>698</v>
      </c>
      <c r="J46" s="19">
        <v>297</v>
      </c>
      <c r="K46" s="19">
        <v>401</v>
      </c>
    </row>
    <row r="47" spans="1:11" ht="20.100000000000001" customHeight="1">
      <c r="A47" s="17" t="s">
        <v>91</v>
      </c>
      <c r="B47" s="17"/>
      <c r="C47" s="13">
        <v>8887</v>
      </c>
      <c r="D47" s="14">
        <v>4650</v>
      </c>
      <c r="E47" s="14">
        <v>4237</v>
      </c>
      <c r="F47" s="14"/>
      <c r="G47" s="18" t="s">
        <v>92</v>
      </c>
      <c r="H47" s="17"/>
      <c r="I47" s="13">
        <v>2381</v>
      </c>
      <c r="J47" s="14">
        <v>881</v>
      </c>
      <c r="K47" s="14">
        <v>1500</v>
      </c>
    </row>
    <row r="48" spans="1:11" ht="15" customHeight="1">
      <c r="A48" s="17" t="s">
        <v>93</v>
      </c>
      <c r="B48" s="17"/>
      <c r="C48" s="13">
        <v>1720</v>
      </c>
      <c r="D48" s="19">
        <v>909</v>
      </c>
      <c r="E48" s="19">
        <v>811</v>
      </c>
      <c r="F48" s="19"/>
      <c r="G48" s="18" t="s">
        <v>94</v>
      </c>
      <c r="H48" s="17"/>
      <c r="I48" s="13">
        <v>587</v>
      </c>
      <c r="J48" s="19">
        <v>245</v>
      </c>
      <c r="K48" s="19">
        <v>342</v>
      </c>
    </row>
    <row r="49" spans="1:11" ht="15" customHeight="1">
      <c r="A49" s="17" t="s">
        <v>95</v>
      </c>
      <c r="B49" s="17"/>
      <c r="C49" s="13">
        <v>1786</v>
      </c>
      <c r="D49" s="19">
        <v>944</v>
      </c>
      <c r="E49" s="19">
        <v>842</v>
      </c>
      <c r="F49" s="19"/>
      <c r="G49" s="18" t="s">
        <v>96</v>
      </c>
      <c r="H49" s="17"/>
      <c r="I49" s="13">
        <v>594</v>
      </c>
      <c r="J49" s="19">
        <v>238</v>
      </c>
      <c r="K49" s="19">
        <v>356</v>
      </c>
    </row>
    <row r="50" spans="1:11" ht="15" customHeight="1">
      <c r="A50" s="17" t="s">
        <v>97</v>
      </c>
      <c r="B50" s="17"/>
      <c r="C50" s="13">
        <v>1671</v>
      </c>
      <c r="D50" s="19">
        <v>875</v>
      </c>
      <c r="E50" s="19">
        <v>796</v>
      </c>
      <c r="F50" s="19"/>
      <c r="G50" s="18" t="s">
        <v>98</v>
      </c>
      <c r="H50" s="17"/>
      <c r="I50" s="13">
        <v>486</v>
      </c>
      <c r="J50" s="19">
        <v>162</v>
      </c>
      <c r="K50" s="19">
        <v>324</v>
      </c>
    </row>
    <row r="51" spans="1:11" ht="15" customHeight="1">
      <c r="A51" s="17" t="s">
        <v>99</v>
      </c>
      <c r="B51" s="17"/>
      <c r="C51" s="13">
        <v>1882</v>
      </c>
      <c r="D51" s="19">
        <v>967</v>
      </c>
      <c r="E51" s="19">
        <v>915</v>
      </c>
      <c r="F51" s="19"/>
      <c r="G51" s="18" t="s">
        <v>100</v>
      </c>
      <c r="H51" s="17"/>
      <c r="I51" s="13">
        <v>377</v>
      </c>
      <c r="J51" s="19">
        <v>136</v>
      </c>
      <c r="K51" s="19">
        <v>241</v>
      </c>
    </row>
    <row r="52" spans="1:11" ht="15" customHeight="1">
      <c r="A52" s="17" t="s">
        <v>101</v>
      </c>
      <c r="B52" s="17"/>
      <c r="C52" s="13">
        <v>1828</v>
      </c>
      <c r="D52" s="19">
        <v>955</v>
      </c>
      <c r="E52" s="19">
        <v>873</v>
      </c>
      <c r="F52" s="19"/>
      <c r="G52" s="18" t="s">
        <v>102</v>
      </c>
      <c r="H52" s="17"/>
      <c r="I52" s="13">
        <v>337</v>
      </c>
      <c r="J52" s="19">
        <v>100</v>
      </c>
      <c r="K52" s="19">
        <v>237</v>
      </c>
    </row>
    <row r="53" spans="1:11" ht="20.100000000000001" customHeight="1">
      <c r="A53" s="17" t="s">
        <v>103</v>
      </c>
      <c r="B53" s="17"/>
      <c r="C53" s="13">
        <v>10451</v>
      </c>
      <c r="D53" s="14">
        <v>5410</v>
      </c>
      <c r="E53" s="14">
        <v>5041</v>
      </c>
      <c r="F53" s="14"/>
      <c r="G53" s="18" t="s">
        <v>104</v>
      </c>
      <c r="H53" s="17"/>
      <c r="I53" s="13">
        <v>1047</v>
      </c>
      <c r="J53" s="14">
        <v>277</v>
      </c>
      <c r="K53" s="14">
        <v>770</v>
      </c>
    </row>
    <row r="54" spans="1:11" ht="15" customHeight="1">
      <c r="A54" s="17" t="s">
        <v>105</v>
      </c>
      <c r="B54" s="17"/>
      <c r="C54" s="13">
        <v>1924</v>
      </c>
      <c r="D54" s="19">
        <v>1017</v>
      </c>
      <c r="E54" s="19">
        <v>907</v>
      </c>
      <c r="F54" s="19"/>
      <c r="G54" s="18" t="s">
        <v>106</v>
      </c>
      <c r="H54" s="17"/>
      <c r="I54" s="13">
        <v>287</v>
      </c>
      <c r="J54" s="19">
        <v>82</v>
      </c>
      <c r="K54" s="19">
        <v>205</v>
      </c>
    </row>
    <row r="55" spans="1:11" ht="15" customHeight="1">
      <c r="A55" s="17" t="s">
        <v>107</v>
      </c>
      <c r="B55" s="17"/>
      <c r="C55" s="13">
        <v>2027</v>
      </c>
      <c r="D55" s="19">
        <v>1038</v>
      </c>
      <c r="E55" s="19">
        <v>989</v>
      </c>
      <c r="F55" s="19"/>
      <c r="G55" s="18" t="s">
        <v>108</v>
      </c>
      <c r="H55" s="17"/>
      <c r="I55" s="13">
        <v>257</v>
      </c>
      <c r="J55" s="19">
        <v>94</v>
      </c>
      <c r="K55" s="19">
        <v>163</v>
      </c>
    </row>
    <row r="56" spans="1:11" ht="15" customHeight="1">
      <c r="A56" s="17" t="s">
        <v>109</v>
      </c>
      <c r="B56" s="17"/>
      <c r="C56" s="13">
        <v>2132</v>
      </c>
      <c r="D56" s="19">
        <v>1096</v>
      </c>
      <c r="E56" s="19">
        <v>1036</v>
      </c>
      <c r="F56" s="19"/>
      <c r="G56" s="18" t="s">
        <v>110</v>
      </c>
      <c r="H56" s="17"/>
      <c r="I56" s="13">
        <v>209</v>
      </c>
      <c r="J56" s="19">
        <v>51</v>
      </c>
      <c r="K56" s="19">
        <v>158</v>
      </c>
    </row>
    <row r="57" spans="1:11" ht="15" customHeight="1">
      <c r="A57" s="17" t="s">
        <v>111</v>
      </c>
      <c r="B57" s="17"/>
      <c r="C57" s="13">
        <v>2069</v>
      </c>
      <c r="D57" s="19">
        <v>1064</v>
      </c>
      <c r="E57" s="19">
        <v>1005</v>
      </c>
      <c r="F57" s="19"/>
      <c r="G57" s="18" t="s">
        <v>112</v>
      </c>
      <c r="H57" s="17"/>
      <c r="I57" s="13">
        <v>175</v>
      </c>
      <c r="J57" s="19">
        <v>35</v>
      </c>
      <c r="K57" s="19">
        <v>140</v>
      </c>
    </row>
    <row r="58" spans="1:11" ht="15" customHeight="1">
      <c r="A58" s="17" t="s">
        <v>113</v>
      </c>
      <c r="B58" s="17"/>
      <c r="C58" s="13">
        <v>2299</v>
      </c>
      <c r="D58" s="19">
        <v>1195</v>
      </c>
      <c r="E58" s="19">
        <v>1104</v>
      </c>
      <c r="F58" s="19"/>
      <c r="G58" s="18" t="s">
        <v>114</v>
      </c>
      <c r="H58" s="17"/>
      <c r="I58" s="13">
        <v>119</v>
      </c>
      <c r="J58" s="19">
        <v>15</v>
      </c>
      <c r="K58" s="19">
        <v>104</v>
      </c>
    </row>
    <row r="59" spans="1:11" ht="20.100000000000001" customHeight="1">
      <c r="A59" s="17" t="s">
        <v>115</v>
      </c>
      <c r="B59" s="17"/>
      <c r="C59" s="13">
        <v>11609</v>
      </c>
      <c r="D59" s="14">
        <v>6043</v>
      </c>
      <c r="E59" s="14">
        <v>5566</v>
      </c>
      <c r="F59" s="14"/>
      <c r="G59" s="18" t="s">
        <v>116</v>
      </c>
      <c r="H59" s="17"/>
      <c r="I59" s="13">
        <v>260</v>
      </c>
      <c r="J59" s="14">
        <v>42</v>
      </c>
      <c r="K59" s="14">
        <v>218</v>
      </c>
    </row>
    <row r="60" spans="1:11" ht="15" customHeight="1">
      <c r="A60" s="17" t="s">
        <v>117</v>
      </c>
      <c r="B60" s="17"/>
      <c r="C60" s="13">
        <v>2482</v>
      </c>
      <c r="D60" s="19">
        <v>1294</v>
      </c>
      <c r="E60" s="19">
        <v>1188</v>
      </c>
      <c r="F60" s="19"/>
      <c r="G60" s="18" t="s">
        <v>118</v>
      </c>
      <c r="H60" s="17"/>
      <c r="I60" s="13">
        <v>77</v>
      </c>
      <c r="J60" s="19">
        <v>14</v>
      </c>
      <c r="K60" s="19">
        <v>63</v>
      </c>
    </row>
    <row r="61" spans="1:11" ht="15" customHeight="1">
      <c r="A61" s="17" t="s">
        <v>119</v>
      </c>
      <c r="B61" s="17"/>
      <c r="C61" s="13">
        <v>2318</v>
      </c>
      <c r="D61" s="19">
        <v>1196</v>
      </c>
      <c r="E61" s="19">
        <v>1122</v>
      </c>
      <c r="F61" s="19"/>
      <c r="G61" s="18" t="s">
        <v>120</v>
      </c>
      <c r="H61" s="17"/>
      <c r="I61" s="13">
        <v>60</v>
      </c>
      <c r="J61" s="19">
        <v>16</v>
      </c>
      <c r="K61" s="19">
        <v>44</v>
      </c>
    </row>
    <row r="62" spans="1:11" ht="15" customHeight="1">
      <c r="A62" s="17" t="s">
        <v>121</v>
      </c>
      <c r="B62" s="17"/>
      <c r="C62" s="13">
        <v>2416</v>
      </c>
      <c r="D62" s="19">
        <v>1244</v>
      </c>
      <c r="E62" s="19">
        <v>1172</v>
      </c>
      <c r="F62" s="19"/>
      <c r="G62" s="18" t="s">
        <v>122</v>
      </c>
      <c r="H62" s="17"/>
      <c r="I62" s="13">
        <v>57</v>
      </c>
      <c r="J62" s="19">
        <v>2</v>
      </c>
      <c r="K62" s="19">
        <v>55</v>
      </c>
    </row>
    <row r="63" spans="1:11" ht="15" customHeight="1">
      <c r="A63" s="17" t="s">
        <v>123</v>
      </c>
      <c r="B63" s="17"/>
      <c r="C63" s="13">
        <v>2203</v>
      </c>
      <c r="D63" s="19">
        <v>1137</v>
      </c>
      <c r="E63" s="19">
        <v>1066</v>
      </c>
      <c r="F63" s="19"/>
      <c r="G63" s="18" t="s">
        <v>124</v>
      </c>
      <c r="H63" s="17"/>
      <c r="I63" s="13">
        <v>39</v>
      </c>
      <c r="J63" s="19">
        <v>9</v>
      </c>
      <c r="K63" s="19">
        <v>30</v>
      </c>
    </row>
    <row r="64" spans="1:11" ht="15" customHeight="1">
      <c r="A64" s="17" t="s">
        <v>125</v>
      </c>
      <c r="B64" s="17"/>
      <c r="C64" s="13">
        <v>2190</v>
      </c>
      <c r="D64" s="19">
        <v>1172</v>
      </c>
      <c r="E64" s="19">
        <v>1018</v>
      </c>
      <c r="F64" s="19"/>
      <c r="G64" s="18" t="s">
        <v>126</v>
      </c>
      <c r="H64" s="17"/>
      <c r="I64" s="13">
        <v>27</v>
      </c>
      <c r="J64" s="19">
        <v>1</v>
      </c>
      <c r="K64" s="19">
        <v>2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7</v>
      </c>
      <c r="J65" s="19">
        <v>7</v>
      </c>
      <c r="K65" s="19">
        <v>3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92</v>
      </c>
      <c r="J66" s="29">
        <v>313</v>
      </c>
      <c r="K66" s="29">
        <v>179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2" pageOrder="overThenDown" orientation="portrait" blackAndWhite="1" useFirstPageNumber="1" horizontalDpi="300" verticalDpi="300"/>
  <headerFooter scaleWithDoc="0"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29912</v>
      </c>
      <c r="D4" s="14">
        <v>64821</v>
      </c>
      <c r="E4" s="14">
        <v>6509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749</v>
      </c>
      <c r="D5" s="14">
        <v>2386</v>
      </c>
      <c r="E5" s="14">
        <v>2363</v>
      </c>
      <c r="F5" s="14"/>
      <c r="G5" s="18" t="s">
        <v>8</v>
      </c>
      <c r="H5" s="17"/>
      <c r="I5" s="13">
        <v>9976</v>
      </c>
      <c r="J5" s="14">
        <v>5162</v>
      </c>
      <c r="K5" s="14">
        <v>4814</v>
      </c>
    </row>
    <row r="6" spans="1:11" ht="15" customHeight="1">
      <c r="A6" s="17" t="s">
        <v>9</v>
      </c>
      <c r="B6" s="17"/>
      <c r="C6" s="13">
        <v>954</v>
      </c>
      <c r="D6" s="19">
        <v>487</v>
      </c>
      <c r="E6" s="19">
        <v>467</v>
      </c>
      <c r="F6" s="19"/>
      <c r="G6" s="18" t="s">
        <v>10</v>
      </c>
      <c r="H6" s="17"/>
      <c r="I6" s="13">
        <v>2140</v>
      </c>
      <c r="J6" s="19">
        <v>1131</v>
      </c>
      <c r="K6" s="19">
        <v>1009</v>
      </c>
    </row>
    <row r="7" spans="1:11" ht="15" customHeight="1">
      <c r="A7" s="17" t="s">
        <v>11</v>
      </c>
      <c r="B7" s="17"/>
      <c r="C7" s="13">
        <v>972</v>
      </c>
      <c r="D7" s="19">
        <v>501</v>
      </c>
      <c r="E7" s="19">
        <v>471</v>
      </c>
      <c r="F7" s="19"/>
      <c r="G7" s="18" t="s">
        <v>12</v>
      </c>
      <c r="H7" s="17"/>
      <c r="I7" s="13">
        <v>2257</v>
      </c>
      <c r="J7" s="19">
        <v>1176</v>
      </c>
      <c r="K7" s="19">
        <v>1081</v>
      </c>
    </row>
    <row r="8" spans="1:11" ht="15" customHeight="1">
      <c r="A8" s="17" t="s">
        <v>13</v>
      </c>
      <c r="B8" s="17"/>
      <c r="C8" s="13">
        <v>951</v>
      </c>
      <c r="D8" s="19">
        <v>501</v>
      </c>
      <c r="E8" s="19">
        <v>450</v>
      </c>
      <c r="F8" s="19"/>
      <c r="G8" s="18" t="s">
        <v>14</v>
      </c>
      <c r="H8" s="17"/>
      <c r="I8" s="13">
        <v>1680</v>
      </c>
      <c r="J8" s="19">
        <v>820</v>
      </c>
      <c r="K8" s="19">
        <v>860</v>
      </c>
    </row>
    <row r="9" spans="1:11" ht="15" customHeight="1">
      <c r="A9" s="17" t="s">
        <v>15</v>
      </c>
      <c r="B9" s="17"/>
      <c r="C9" s="13">
        <v>938</v>
      </c>
      <c r="D9" s="19">
        <v>461</v>
      </c>
      <c r="E9" s="19">
        <v>477</v>
      </c>
      <c r="F9" s="19"/>
      <c r="G9" s="18" t="s">
        <v>16</v>
      </c>
      <c r="H9" s="17"/>
      <c r="I9" s="13">
        <v>2055</v>
      </c>
      <c r="J9" s="19">
        <v>1081</v>
      </c>
      <c r="K9" s="19">
        <v>974</v>
      </c>
    </row>
    <row r="10" spans="1:11" ht="15" customHeight="1">
      <c r="A10" s="17" t="s">
        <v>17</v>
      </c>
      <c r="B10" s="17"/>
      <c r="C10" s="13">
        <v>934</v>
      </c>
      <c r="D10" s="19">
        <v>436</v>
      </c>
      <c r="E10" s="19">
        <v>498</v>
      </c>
      <c r="F10" s="19"/>
      <c r="G10" s="18" t="s">
        <v>18</v>
      </c>
      <c r="H10" s="17"/>
      <c r="I10" s="13">
        <v>1844</v>
      </c>
      <c r="J10" s="19">
        <v>954</v>
      </c>
      <c r="K10" s="19">
        <v>890</v>
      </c>
    </row>
    <row r="11" spans="1:11" ht="20.100000000000001" customHeight="1">
      <c r="A11" s="17" t="s">
        <v>19</v>
      </c>
      <c r="B11" s="17"/>
      <c r="C11" s="13">
        <v>5056</v>
      </c>
      <c r="D11" s="14">
        <v>2577</v>
      </c>
      <c r="E11" s="14">
        <v>2479</v>
      </c>
      <c r="F11" s="14"/>
      <c r="G11" s="18" t="s">
        <v>20</v>
      </c>
      <c r="H11" s="17"/>
      <c r="I11" s="13">
        <v>8044</v>
      </c>
      <c r="J11" s="14">
        <v>4165</v>
      </c>
      <c r="K11" s="14">
        <v>3879</v>
      </c>
    </row>
    <row r="12" spans="1:11" ht="15" customHeight="1">
      <c r="A12" s="17" t="s">
        <v>21</v>
      </c>
      <c r="B12" s="17"/>
      <c r="C12" s="13">
        <v>989</v>
      </c>
      <c r="D12" s="19">
        <v>499</v>
      </c>
      <c r="E12" s="19">
        <v>490</v>
      </c>
      <c r="F12" s="19"/>
      <c r="G12" s="18" t="s">
        <v>22</v>
      </c>
      <c r="H12" s="17"/>
      <c r="I12" s="13">
        <v>1742</v>
      </c>
      <c r="J12" s="19">
        <v>902</v>
      </c>
      <c r="K12" s="19">
        <v>840</v>
      </c>
    </row>
    <row r="13" spans="1:11" ht="15" customHeight="1">
      <c r="A13" s="17" t="s">
        <v>23</v>
      </c>
      <c r="B13" s="17"/>
      <c r="C13" s="13">
        <v>1001</v>
      </c>
      <c r="D13" s="19">
        <v>520</v>
      </c>
      <c r="E13" s="19">
        <v>481</v>
      </c>
      <c r="F13" s="19"/>
      <c r="G13" s="18" t="s">
        <v>24</v>
      </c>
      <c r="H13" s="17"/>
      <c r="I13" s="13">
        <v>1633</v>
      </c>
      <c r="J13" s="19">
        <v>849</v>
      </c>
      <c r="K13" s="19">
        <v>784</v>
      </c>
    </row>
    <row r="14" spans="1:11" ht="15" customHeight="1">
      <c r="A14" s="17" t="s">
        <v>25</v>
      </c>
      <c r="B14" s="17"/>
      <c r="C14" s="13">
        <v>1049</v>
      </c>
      <c r="D14" s="19">
        <v>520</v>
      </c>
      <c r="E14" s="19">
        <v>529</v>
      </c>
      <c r="F14" s="19"/>
      <c r="G14" s="18" t="s">
        <v>26</v>
      </c>
      <c r="H14" s="17"/>
      <c r="I14" s="13">
        <v>1642</v>
      </c>
      <c r="J14" s="19">
        <v>835</v>
      </c>
      <c r="K14" s="19">
        <v>807</v>
      </c>
    </row>
    <row r="15" spans="1:11" ht="15" customHeight="1">
      <c r="A15" s="17" t="s">
        <v>27</v>
      </c>
      <c r="B15" s="17"/>
      <c r="C15" s="13">
        <v>978</v>
      </c>
      <c r="D15" s="19">
        <v>496</v>
      </c>
      <c r="E15" s="19">
        <v>482</v>
      </c>
      <c r="F15" s="19"/>
      <c r="G15" s="18" t="s">
        <v>28</v>
      </c>
      <c r="H15" s="17"/>
      <c r="I15" s="13">
        <v>1519</v>
      </c>
      <c r="J15" s="19">
        <v>785</v>
      </c>
      <c r="K15" s="19">
        <v>734</v>
      </c>
    </row>
    <row r="16" spans="1:11" ht="15" customHeight="1">
      <c r="A16" s="17" t="s">
        <v>29</v>
      </c>
      <c r="B16" s="17"/>
      <c r="C16" s="13">
        <v>1039</v>
      </c>
      <c r="D16" s="19">
        <v>542</v>
      </c>
      <c r="E16" s="19">
        <v>497</v>
      </c>
      <c r="F16" s="19"/>
      <c r="G16" s="18" t="s">
        <v>30</v>
      </c>
      <c r="H16" s="17"/>
      <c r="I16" s="13">
        <v>1508</v>
      </c>
      <c r="J16" s="19">
        <v>794</v>
      </c>
      <c r="K16" s="19">
        <v>714</v>
      </c>
    </row>
    <row r="17" spans="1:11" ht="20.100000000000001" customHeight="1">
      <c r="A17" s="20" t="s">
        <v>31</v>
      </c>
      <c r="B17" s="20"/>
      <c r="C17" s="13">
        <v>5271</v>
      </c>
      <c r="D17" s="14">
        <v>2744</v>
      </c>
      <c r="E17" s="14">
        <v>2527</v>
      </c>
      <c r="F17" s="14"/>
      <c r="G17" s="18" t="s">
        <v>32</v>
      </c>
      <c r="H17" s="17"/>
      <c r="I17" s="13">
        <v>7043</v>
      </c>
      <c r="J17" s="14">
        <v>3570</v>
      </c>
      <c r="K17" s="14">
        <v>3473</v>
      </c>
    </row>
    <row r="18" spans="1:11" ht="15" customHeight="1">
      <c r="A18" s="17" t="s">
        <v>33</v>
      </c>
      <c r="B18" s="17"/>
      <c r="C18" s="13">
        <v>1065</v>
      </c>
      <c r="D18" s="19">
        <v>553</v>
      </c>
      <c r="E18" s="19">
        <v>512</v>
      </c>
      <c r="F18" s="19"/>
      <c r="G18" s="18" t="s">
        <v>34</v>
      </c>
      <c r="H18" s="17"/>
      <c r="I18" s="13">
        <v>1484</v>
      </c>
      <c r="J18" s="19">
        <v>766</v>
      </c>
      <c r="K18" s="19">
        <v>718</v>
      </c>
    </row>
    <row r="19" spans="1:11" ht="15" customHeight="1">
      <c r="A19" s="17" t="s">
        <v>35</v>
      </c>
      <c r="B19" s="17"/>
      <c r="C19" s="13">
        <v>1047</v>
      </c>
      <c r="D19" s="19">
        <v>538</v>
      </c>
      <c r="E19" s="19">
        <v>509</v>
      </c>
      <c r="F19" s="19"/>
      <c r="G19" s="18" t="s">
        <v>36</v>
      </c>
      <c r="H19" s="17"/>
      <c r="I19" s="13">
        <v>1355</v>
      </c>
      <c r="J19" s="19">
        <v>673</v>
      </c>
      <c r="K19" s="19">
        <v>682</v>
      </c>
    </row>
    <row r="20" spans="1:11" ht="15" customHeight="1">
      <c r="A20" s="17" t="s">
        <v>37</v>
      </c>
      <c r="B20" s="17"/>
      <c r="C20" s="13">
        <v>1064</v>
      </c>
      <c r="D20" s="19">
        <v>531</v>
      </c>
      <c r="E20" s="19">
        <v>533</v>
      </c>
      <c r="F20" s="19"/>
      <c r="G20" s="18" t="s">
        <v>38</v>
      </c>
      <c r="H20" s="17"/>
      <c r="I20" s="13">
        <v>1280</v>
      </c>
      <c r="J20" s="19">
        <v>632</v>
      </c>
      <c r="K20" s="19">
        <v>648</v>
      </c>
    </row>
    <row r="21" spans="1:11" ht="15" customHeight="1">
      <c r="A21" s="17" t="s">
        <v>39</v>
      </c>
      <c r="B21" s="17"/>
      <c r="C21" s="13">
        <v>1040</v>
      </c>
      <c r="D21" s="19">
        <v>547</v>
      </c>
      <c r="E21" s="19">
        <v>493</v>
      </c>
      <c r="F21" s="19"/>
      <c r="G21" s="18" t="s">
        <v>40</v>
      </c>
      <c r="H21" s="17"/>
      <c r="I21" s="13">
        <v>1453</v>
      </c>
      <c r="J21" s="19">
        <v>722</v>
      </c>
      <c r="K21" s="19">
        <v>731</v>
      </c>
    </row>
    <row r="22" spans="1:11" ht="15" customHeight="1">
      <c r="A22" s="17" t="s">
        <v>41</v>
      </c>
      <c r="B22" s="17"/>
      <c r="C22" s="13">
        <v>1055</v>
      </c>
      <c r="D22" s="19">
        <v>575</v>
      </c>
      <c r="E22" s="19">
        <v>480</v>
      </c>
      <c r="F22" s="19"/>
      <c r="G22" s="18" t="s">
        <v>42</v>
      </c>
      <c r="H22" s="17"/>
      <c r="I22" s="13">
        <v>1471</v>
      </c>
      <c r="J22" s="19">
        <v>777</v>
      </c>
      <c r="K22" s="19">
        <v>694</v>
      </c>
    </row>
    <row r="23" spans="1:11" ht="20.100000000000001" customHeight="1">
      <c r="A23" s="17" t="s">
        <v>43</v>
      </c>
      <c r="B23" s="17"/>
      <c r="C23" s="13">
        <v>5915</v>
      </c>
      <c r="D23" s="14">
        <v>3029</v>
      </c>
      <c r="E23" s="14">
        <v>2886</v>
      </c>
      <c r="F23" s="14"/>
      <c r="G23" s="18" t="s">
        <v>44</v>
      </c>
      <c r="H23" s="17"/>
      <c r="I23" s="13">
        <v>8687</v>
      </c>
      <c r="J23" s="14">
        <v>4182</v>
      </c>
      <c r="K23" s="14">
        <v>4505</v>
      </c>
    </row>
    <row r="24" spans="1:11" ht="15" customHeight="1">
      <c r="A24" s="17" t="s">
        <v>45</v>
      </c>
      <c r="B24" s="17"/>
      <c r="C24" s="13">
        <v>1069</v>
      </c>
      <c r="D24" s="19">
        <v>544</v>
      </c>
      <c r="E24" s="19">
        <v>525</v>
      </c>
      <c r="F24" s="19"/>
      <c r="G24" s="18" t="s">
        <v>46</v>
      </c>
      <c r="H24" s="17"/>
      <c r="I24" s="13">
        <v>1497</v>
      </c>
      <c r="J24" s="19">
        <v>716</v>
      </c>
      <c r="K24" s="19">
        <v>781</v>
      </c>
    </row>
    <row r="25" spans="1:11" ht="15" customHeight="1">
      <c r="A25" s="17" t="s">
        <v>47</v>
      </c>
      <c r="B25" s="17"/>
      <c r="C25" s="13">
        <v>1120</v>
      </c>
      <c r="D25" s="19">
        <v>601</v>
      </c>
      <c r="E25" s="19">
        <v>519</v>
      </c>
      <c r="F25" s="19"/>
      <c r="G25" s="18" t="s">
        <v>48</v>
      </c>
      <c r="H25" s="17"/>
      <c r="I25" s="13">
        <v>1624</v>
      </c>
      <c r="J25" s="19">
        <v>797</v>
      </c>
      <c r="K25" s="19">
        <v>827</v>
      </c>
    </row>
    <row r="26" spans="1:11" ht="15" customHeight="1">
      <c r="A26" s="17" t="s">
        <v>49</v>
      </c>
      <c r="B26" s="17"/>
      <c r="C26" s="13">
        <v>1128</v>
      </c>
      <c r="D26" s="19">
        <v>582</v>
      </c>
      <c r="E26" s="19">
        <v>546</v>
      </c>
      <c r="F26" s="19"/>
      <c r="G26" s="18" t="s">
        <v>50</v>
      </c>
      <c r="H26" s="17"/>
      <c r="I26" s="13">
        <v>1621</v>
      </c>
      <c r="J26" s="19">
        <v>795</v>
      </c>
      <c r="K26" s="19">
        <v>826</v>
      </c>
    </row>
    <row r="27" spans="1:11" ht="15" customHeight="1">
      <c r="A27" s="17" t="s">
        <v>51</v>
      </c>
      <c r="B27" s="17"/>
      <c r="C27" s="13">
        <v>1273</v>
      </c>
      <c r="D27" s="19">
        <v>635</v>
      </c>
      <c r="E27" s="19">
        <v>638</v>
      </c>
      <c r="F27" s="19"/>
      <c r="G27" s="18" t="s">
        <v>52</v>
      </c>
      <c r="H27" s="17"/>
      <c r="I27" s="13">
        <v>1846</v>
      </c>
      <c r="J27" s="19">
        <v>881</v>
      </c>
      <c r="K27" s="19">
        <v>965</v>
      </c>
    </row>
    <row r="28" spans="1:11" ht="15" customHeight="1">
      <c r="A28" s="17" t="s">
        <v>53</v>
      </c>
      <c r="B28" s="17"/>
      <c r="C28" s="13">
        <v>1325</v>
      </c>
      <c r="D28" s="19">
        <v>667</v>
      </c>
      <c r="E28" s="19">
        <v>658</v>
      </c>
      <c r="F28" s="19"/>
      <c r="G28" s="18" t="s">
        <v>54</v>
      </c>
      <c r="H28" s="17"/>
      <c r="I28" s="13">
        <v>2099</v>
      </c>
      <c r="J28" s="19">
        <v>993</v>
      </c>
      <c r="K28" s="19">
        <v>1106</v>
      </c>
    </row>
    <row r="29" spans="1:11" ht="20.100000000000001" customHeight="1">
      <c r="A29" s="17" t="s">
        <v>55</v>
      </c>
      <c r="B29" s="17"/>
      <c r="C29" s="13">
        <v>7020</v>
      </c>
      <c r="D29" s="14">
        <v>3625</v>
      </c>
      <c r="E29" s="14">
        <v>3395</v>
      </c>
      <c r="F29" s="14"/>
      <c r="G29" s="18" t="s">
        <v>56</v>
      </c>
      <c r="H29" s="17"/>
      <c r="I29" s="13">
        <v>8169</v>
      </c>
      <c r="J29" s="14">
        <v>3804</v>
      </c>
      <c r="K29" s="14">
        <v>4365</v>
      </c>
    </row>
    <row r="30" spans="1:11" ht="15" customHeight="1">
      <c r="A30" s="17" t="s">
        <v>57</v>
      </c>
      <c r="B30" s="17"/>
      <c r="C30" s="13">
        <v>1353</v>
      </c>
      <c r="D30" s="19">
        <v>737</v>
      </c>
      <c r="E30" s="19">
        <v>616</v>
      </c>
      <c r="F30" s="19"/>
      <c r="G30" s="18" t="s">
        <v>58</v>
      </c>
      <c r="H30" s="17"/>
      <c r="I30" s="13">
        <v>2030</v>
      </c>
      <c r="J30" s="19">
        <v>952</v>
      </c>
      <c r="K30" s="19">
        <v>1078</v>
      </c>
    </row>
    <row r="31" spans="1:11" ht="15" customHeight="1">
      <c r="A31" s="17" t="s">
        <v>59</v>
      </c>
      <c r="B31" s="17"/>
      <c r="C31" s="13">
        <v>1415</v>
      </c>
      <c r="D31" s="19">
        <v>740</v>
      </c>
      <c r="E31" s="19">
        <v>675</v>
      </c>
      <c r="F31" s="19"/>
      <c r="G31" s="18" t="s">
        <v>60</v>
      </c>
      <c r="H31" s="17"/>
      <c r="I31" s="13">
        <v>2027</v>
      </c>
      <c r="J31" s="19">
        <v>933</v>
      </c>
      <c r="K31" s="19">
        <v>1094</v>
      </c>
    </row>
    <row r="32" spans="1:11" ht="15" customHeight="1">
      <c r="A32" s="17" t="s">
        <v>61</v>
      </c>
      <c r="B32" s="17"/>
      <c r="C32" s="13">
        <v>1386</v>
      </c>
      <c r="D32" s="19">
        <v>712</v>
      </c>
      <c r="E32" s="19">
        <v>674</v>
      </c>
      <c r="F32" s="19"/>
      <c r="G32" s="18" t="s">
        <v>62</v>
      </c>
      <c r="H32" s="17"/>
      <c r="I32" s="13">
        <v>1383</v>
      </c>
      <c r="J32" s="19">
        <v>684</v>
      </c>
      <c r="K32" s="19">
        <v>699</v>
      </c>
    </row>
    <row r="33" spans="1:11" ht="15" customHeight="1">
      <c r="A33" s="17" t="s">
        <v>63</v>
      </c>
      <c r="B33" s="17"/>
      <c r="C33" s="13">
        <v>1431</v>
      </c>
      <c r="D33" s="19">
        <v>730</v>
      </c>
      <c r="E33" s="19">
        <v>701</v>
      </c>
      <c r="F33" s="19"/>
      <c r="G33" s="18" t="s">
        <v>64</v>
      </c>
      <c r="H33" s="17"/>
      <c r="I33" s="13">
        <v>1195</v>
      </c>
      <c r="J33" s="19">
        <v>533</v>
      </c>
      <c r="K33" s="19">
        <v>662</v>
      </c>
    </row>
    <row r="34" spans="1:11" ht="15" customHeight="1">
      <c r="A34" s="17" t="s">
        <v>65</v>
      </c>
      <c r="B34" s="17"/>
      <c r="C34" s="13">
        <v>1435</v>
      </c>
      <c r="D34" s="19">
        <v>706</v>
      </c>
      <c r="E34" s="19">
        <v>729</v>
      </c>
      <c r="F34" s="19"/>
      <c r="G34" s="18" t="s">
        <v>66</v>
      </c>
      <c r="H34" s="17"/>
      <c r="I34" s="13">
        <v>1534</v>
      </c>
      <c r="J34" s="19">
        <v>702</v>
      </c>
      <c r="K34" s="19">
        <v>832</v>
      </c>
    </row>
    <row r="35" spans="1:11" ht="20.100000000000001" customHeight="1">
      <c r="A35" s="17" t="s">
        <v>67</v>
      </c>
      <c r="B35" s="17"/>
      <c r="C35" s="13">
        <v>6633</v>
      </c>
      <c r="D35" s="14">
        <v>3452</v>
      </c>
      <c r="E35" s="14">
        <v>3181</v>
      </c>
      <c r="F35" s="14"/>
      <c r="G35" s="18" t="s">
        <v>68</v>
      </c>
      <c r="H35" s="17"/>
      <c r="I35" s="13">
        <v>7291</v>
      </c>
      <c r="J35" s="14">
        <v>3310</v>
      </c>
      <c r="K35" s="14">
        <v>3981</v>
      </c>
    </row>
    <row r="36" spans="1:11" ht="15" customHeight="1">
      <c r="A36" s="17" t="s">
        <v>69</v>
      </c>
      <c r="B36" s="17"/>
      <c r="C36" s="13">
        <v>1330</v>
      </c>
      <c r="D36" s="19">
        <v>666</v>
      </c>
      <c r="E36" s="19">
        <v>664</v>
      </c>
      <c r="F36" s="19"/>
      <c r="G36" s="18" t="s">
        <v>70</v>
      </c>
      <c r="H36" s="17"/>
      <c r="I36" s="13">
        <v>1677</v>
      </c>
      <c r="J36" s="19">
        <v>764</v>
      </c>
      <c r="K36" s="19">
        <v>913</v>
      </c>
    </row>
    <row r="37" spans="1:11" ht="15" customHeight="1">
      <c r="A37" s="17" t="s">
        <v>71</v>
      </c>
      <c r="B37" s="17"/>
      <c r="C37" s="13">
        <v>1287</v>
      </c>
      <c r="D37" s="19">
        <v>640</v>
      </c>
      <c r="E37" s="19">
        <v>647</v>
      </c>
      <c r="F37" s="19"/>
      <c r="G37" s="18" t="s">
        <v>72</v>
      </c>
      <c r="H37" s="17"/>
      <c r="I37" s="13">
        <v>1570</v>
      </c>
      <c r="J37" s="19">
        <v>711</v>
      </c>
      <c r="K37" s="19">
        <v>859</v>
      </c>
    </row>
    <row r="38" spans="1:11" ht="15" customHeight="1">
      <c r="A38" s="17" t="s">
        <v>73</v>
      </c>
      <c r="B38" s="17"/>
      <c r="C38" s="13">
        <v>1338</v>
      </c>
      <c r="D38" s="19">
        <v>704</v>
      </c>
      <c r="E38" s="19">
        <v>634</v>
      </c>
      <c r="F38" s="19"/>
      <c r="G38" s="18" t="s">
        <v>74</v>
      </c>
      <c r="H38" s="17"/>
      <c r="I38" s="13">
        <v>1475</v>
      </c>
      <c r="J38" s="19">
        <v>656</v>
      </c>
      <c r="K38" s="19">
        <v>819</v>
      </c>
    </row>
    <row r="39" spans="1:11" ht="15" customHeight="1">
      <c r="A39" s="17" t="s">
        <v>75</v>
      </c>
      <c r="B39" s="17"/>
      <c r="C39" s="13">
        <v>1306</v>
      </c>
      <c r="D39" s="19">
        <v>716</v>
      </c>
      <c r="E39" s="19">
        <v>590</v>
      </c>
      <c r="F39" s="19"/>
      <c r="G39" s="18" t="s">
        <v>76</v>
      </c>
      <c r="H39" s="17"/>
      <c r="I39" s="13">
        <v>1418</v>
      </c>
      <c r="J39" s="19">
        <v>646</v>
      </c>
      <c r="K39" s="19">
        <v>772</v>
      </c>
    </row>
    <row r="40" spans="1:11" ht="15" customHeight="1">
      <c r="A40" s="17" t="s">
        <v>77</v>
      </c>
      <c r="B40" s="17"/>
      <c r="C40" s="13">
        <v>1372</v>
      </c>
      <c r="D40" s="19">
        <v>726</v>
      </c>
      <c r="E40" s="19">
        <v>646</v>
      </c>
      <c r="F40" s="19"/>
      <c r="G40" s="18" t="s">
        <v>78</v>
      </c>
      <c r="H40" s="17"/>
      <c r="I40" s="13">
        <v>1151</v>
      </c>
      <c r="J40" s="19">
        <v>533</v>
      </c>
      <c r="K40" s="19">
        <v>618</v>
      </c>
    </row>
    <row r="41" spans="1:11" ht="20.100000000000001" customHeight="1">
      <c r="A41" s="17" t="s">
        <v>79</v>
      </c>
      <c r="B41" s="17"/>
      <c r="C41" s="13">
        <v>7147</v>
      </c>
      <c r="D41" s="14">
        <v>3692</v>
      </c>
      <c r="E41" s="14">
        <v>3455</v>
      </c>
      <c r="F41" s="14"/>
      <c r="G41" s="18" t="s">
        <v>80</v>
      </c>
      <c r="H41" s="17"/>
      <c r="I41" s="13">
        <v>4721</v>
      </c>
      <c r="J41" s="14">
        <v>2154</v>
      </c>
      <c r="K41" s="14">
        <v>2567</v>
      </c>
    </row>
    <row r="42" spans="1:11" ht="15" customHeight="1">
      <c r="A42" s="17" t="s">
        <v>81</v>
      </c>
      <c r="B42" s="17"/>
      <c r="C42" s="13">
        <v>1480</v>
      </c>
      <c r="D42" s="19">
        <v>749</v>
      </c>
      <c r="E42" s="19">
        <v>731</v>
      </c>
      <c r="F42" s="19"/>
      <c r="G42" s="18" t="s">
        <v>82</v>
      </c>
      <c r="H42" s="17"/>
      <c r="I42" s="13">
        <v>1049</v>
      </c>
      <c r="J42" s="19">
        <v>475</v>
      </c>
      <c r="K42" s="19">
        <v>574</v>
      </c>
    </row>
    <row r="43" spans="1:11" ht="15" customHeight="1">
      <c r="A43" s="17" t="s">
        <v>83</v>
      </c>
      <c r="B43" s="17"/>
      <c r="C43" s="13">
        <v>1338</v>
      </c>
      <c r="D43" s="19">
        <v>682</v>
      </c>
      <c r="E43" s="19">
        <v>656</v>
      </c>
      <c r="F43" s="19"/>
      <c r="G43" s="18" t="s">
        <v>84</v>
      </c>
      <c r="H43" s="17"/>
      <c r="I43" s="13">
        <v>1083</v>
      </c>
      <c r="J43" s="19">
        <v>499</v>
      </c>
      <c r="K43" s="19">
        <v>584</v>
      </c>
    </row>
    <row r="44" spans="1:11" ht="15" customHeight="1">
      <c r="A44" s="17" t="s">
        <v>85</v>
      </c>
      <c r="B44" s="17"/>
      <c r="C44" s="13">
        <v>1476</v>
      </c>
      <c r="D44" s="19">
        <v>781</v>
      </c>
      <c r="E44" s="19">
        <v>695</v>
      </c>
      <c r="F44" s="19"/>
      <c r="G44" s="18" t="s">
        <v>86</v>
      </c>
      <c r="H44" s="17"/>
      <c r="I44" s="13">
        <v>969</v>
      </c>
      <c r="J44" s="19">
        <v>440</v>
      </c>
      <c r="K44" s="19">
        <v>529</v>
      </c>
    </row>
    <row r="45" spans="1:11" ht="15" customHeight="1">
      <c r="A45" s="17" t="s">
        <v>87</v>
      </c>
      <c r="B45" s="17"/>
      <c r="C45" s="13">
        <v>1374</v>
      </c>
      <c r="D45" s="19">
        <v>694</v>
      </c>
      <c r="E45" s="19">
        <v>680</v>
      </c>
      <c r="F45" s="19"/>
      <c r="G45" s="18" t="s">
        <v>88</v>
      </c>
      <c r="H45" s="17"/>
      <c r="I45" s="13">
        <v>878</v>
      </c>
      <c r="J45" s="19">
        <v>415</v>
      </c>
      <c r="K45" s="19">
        <v>463</v>
      </c>
    </row>
    <row r="46" spans="1:11" ht="15" customHeight="1">
      <c r="A46" s="17" t="s">
        <v>89</v>
      </c>
      <c r="B46" s="17"/>
      <c r="C46" s="13">
        <v>1479</v>
      </c>
      <c r="D46" s="19">
        <v>786</v>
      </c>
      <c r="E46" s="19">
        <v>693</v>
      </c>
      <c r="F46" s="19"/>
      <c r="G46" s="18" t="s">
        <v>90</v>
      </c>
      <c r="H46" s="17"/>
      <c r="I46" s="13">
        <v>742</v>
      </c>
      <c r="J46" s="19">
        <v>325</v>
      </c>
      <c r="K46" s="19">
        <v>417</v>
      </c>
    </row>
    <row r="47" spans="1:11" ht="20.100000000000001" customHeight="1">
      <c r="A47" s="17" t="s">
        <v>91</v>
      </c>
      <c r="B47" s="17"/>
      <c r="C47" s="13">
        <v>8103</v>
      </c>
      <c r="D47" s="14">
        <v>4192</v>
      </c>
      <c r="E47" s="14">
        <v>3911</v>
      </c>
      <c r="F47" s="14"/>
      <c r="G47" s="18" t="s">
        <v>92</v>
      </c>
      <c r="H47" s="17"/>
      <c r="I47" s="13">
        <v>2338</v>
      </c>
      <c r="J47" s="14">
        <v>869</v>
      </c>
      <c r="K47" s="14">
        <v>1469</v>
      </c>
    </row>
    <row r="48" spans="1:11" ht="15" customHeight="1">
      <c r="A48" s="17" t="s">
        <v>93</v>
      </c>
      <c r="B48" s="17"/>
      <c r="C48" s="13">
        <v>1531</v>
      </c>
      <c r="D48" s="19">
        <v>796</v>
      </c>
      <c r="E48" s="19">
        <v>735</v>
      </c>
      <c r="F48" s="19"/>
      <c r="G48" s="18" t="s">
        <v>94</v>
      </c>
      <c r="H48" s="17"/>
      <c r="I48" s="13">
        <v>645</v>
      </c>
      <c r="J48" s="19">
        <v>276</v>
      </c>
      <c r="K48" s="19">
        <v>369</v>
      </c>
    </row>
    <row r="49" spans="1:11" ht="15" customHeight="1">
      <c r="A49" s="17" t="s">
        <v>95</v>
      </c>
      <c r="B49" s="17"/>
      <c r="C49" s="13">
        <v>1565</v>
      </c>
      <c r="D49" s="19">
        <v>825</v>
      </c>
      <c r="E49" s="19">
        <v>740</v>
      </c>
      <c r="F49" s="19"/>
      <c r="G49" s="18" t="s">
        <v>96</v>
      </c>
      <c r="H49" s="17"/>
      <c r="I49" s="13">
        <v>548</v>
      </c>
      <c r="J49" s="19">
        <v>205</v>
      </c>
      <c r="K49" s="19">
        <v>343</v>
      </c>
    </row>
    <row r="50" spans="1:11" ht="15" customHeight="1">
      <c r="A50" s="17" t="s">
        <v>97</v>
      </c>
      <c r="B50" s="17"/>
      <c r="C50" s="13">
        <v>1603</v>
      </c>
      <c r="D50" s="19">
        <v>840</v>
      </c>
      <c r="E50" s="19">
        <v>763</v>
      </c>
      <c r="F50" s="19"/>
      <c r="G50" s="18" t="s">
        <v>98</v>
      </c>
      <c r="H50" s="17"/>
      <c r="I50" s="13">
        <v>459</v>
      </c>
      <c r="J50" s="19">
        <v>161</v>
      </c>
      <c r="K50" s="19">
        <v>298</v>
      </c>
    </row>
    <row r="51" spans="1:11" ht="15" customHeight="1">
      <c r="A51" s="17" t="s">
        <v>99</v>
      </c>
      <c r="B51" s="17"/>
      <c r="C51" s="13">
        <v>1571</v>
      </c>
      <c r="D51" s="19">
        <v>767</v>
      </c>
      <c r="E51" s="19">
        <v>804</v>
      </c>
      <c r="F51" s="19"/>
      <c r="G51" s="18" t="s">
        <v>100</v>
      </c>
      <c r="H51" s="17"/>
      <c r="I51" s="13">
        <v>379</v>
      </c>
      <c r="J51" s="19">
        <v>128</v>
      </c>
      <c r="K51" s="19">
        <v>251</v>
      </c>
    </row>
    <row r="52" spans="1:11" ht="15" customHeight="1">
      <c r="A52" s="17" t="s">
        <v>101</v>
      </c>
      <c r="B52" s="17"/>
      <c r="C52" s="13">
        <v>1833</v>
      </c>
      <c r="D52" s="19">
        <v>964</v>
      </c>
      <c r="E52" s="19">
        <v>869</v>
      </c>
      <c r="F52" s="19"/>
      <c r="G52" s="18" t="s">
        <v>102</v>
      </c>
      <c r="H52" s="17"/>
      <c r="I52" s="13">
        <v>307</v>
      </c>
      <c r="J52" s="19">
        <v>99</v>
      </c>
      <c r="K52" s="19">
        <v>208</v>
      </c>
    </row>
    <row r="53" spans="1:11" ht="20.100000000000001" customHeight="1">
      <c r="A53" s="17" t="s">
        <v>103</v>
      </c>
      <c r="B53" s="17"/>
      <c r="C53" s="13">
        <v>9891</v>
      </c>
      <c r="D53" s="14">
        <v>5142</v>
      </c>
      <c r="E53" s="14">
        <v>4749</v>
      </c>
      <c r="F53" s="14"/>
      <c r="G53" s="18" t="s">
        <v>104</v>
      </c>
      <c r="H53" s="17"/>
      <c r="I53" s="13">
        <v>998</v>
      </c>
      <c r="J53" s="14">
        <v>286</v>
      </c>
      <c r="K53" s="14">
        <v>712</v>
      </c>
    </row>
    <row r="54" spans="1:11" ht="15" customHeight="1">
      <c r="A54" s="17" t="s">
        <v>105</v>
      </c>
      <c r="B54" s="17"/>
      <c r="C54" s="13">
        <v>1756</v>
      </c>
      <c r="D54" s="19">
        <v>887</v>
      </c>
      <c r="E54" s="19">
        <v>869</v>
      </c>
      <c r="F54" s="19"/>
      <c r="G54" s="18" t="s">
        <v>106</v>
      </c>
      <c r="H54" s="17"/>
      <c r="I54" s="13">
        <v>303</v>
      </c>
      <c r="J54" s="19">
        <v>97</v>
      </c>
      <c r="K54" s="19">
        <v>206</v>
      </c>
    </row>
    <row r="55" spans="1:11" ht="15" customHeight="1">
      <c r="A55" s="17" t="s">
        <v>107</v>
      </c>
      <c r="B55" s="17"/>
      <c r="C55" s="13">
        <v>1817</v>
      </c>
      <c r="D55" s="19">
        <v>939</v>
      </c>
      <c r="E55" s="19">
        <v>878</v>
      </c>
      <c r="F55" s="19"/>
      <c r="G55" s="18" t="s">
        <v>108</v>
      </c>
      <c r="H55" s="17"/>
      <c r="I55" s="13">
        <v>224</v>
      </c>
      <c r="J55" s="19">
        <v>67</v>
      </c>
      <c r="K55" s="19">
        <v>157</v>
      </c>
    </row>
    <row r="56" spans="1:11" ht="15" customHeight="1">
      <c r="A56" s="17" t="s">
        <v>109</v>
      </c>
      <c r="B56" s="17"/>
      <c r="C56" s="13">
        <v>2008</v>
      </c>
      <c r="D56" s="19">
        <v>1028</v>
      </c>
      <c r="E56" s="19">
        <v>980</v>
      </c>
      <c r="F56" s="19"/>
      <c r="G56" s="18" t="s">
        <v>110</v>
      </c>
      <c r="H56" s="17"/>
      <c r="I56" s="13">
        <v>169</v>
      </c>
      <c r="J56" s="19">
        <v>50</v>
      </c>
      <c r="K56" s="19">
        <v>119</v>
      </c>
    </row>
    <row r="57" spans="1:11" ht="15" customHeight="1">
      <c r="A57" s="17" t="s">
        <v>111</v>
      </c>
      <c r="B57" s="17"/>
      <c r="C57" s="13">
        <v>2061</v>
      </c>
      <c r="D57" s="19">
        <v>1109</v>
      </c>
      <c r="E57" s="19">
        <v>952</v>
      </c>
      <c r="F57" s="19"/>
      <c r="G57" s="18" t="s">
        <v>112</v>
      </c>
      <c r="H57" s="17"/>
      <c r="I57" s="13">
        <v>176</v>
      </c>
      <c r="J57" s="19">
        <v>43</v>
      </c>
      <c r="K57" s="19">
        <v>133</v>
      </c>
    </row>
    <row r="58" spans="1:11" ht="15" customHeight="1">
      <c r="A58" s="17" t="s">
        <v>113</v>
      </c>
      <c r="B58" s="17"/>
      <c r="C58" s="13">
        <v>2249</v>
      </c>
      <c r="D58" s="19">
        <v>1179</v>
      </c>
      <c r="E58" s="19">
        <v>1070</v>
      </c>
      <c r="F58" s="19"/>
      <c r="G58" s="18" t="s">
        <v>114</v>
      </c>
      <c r="H58" s="17"/>
      <c r="I58" s="13">
        <v>126</v>
      </c>
      <c r="J58" s="19">
        <v>29</v>
      </c>
      <c r="K58" s="19">
        <v>97</v>
      </c>
    </row>
    <row r="59" spans="1:11" ht="20.100000000000001" customHeight="1">
      <c r="A59" s="17" t="s">
        <v>115</v>
      </c>
      <c r="B59" s="17"/>
      <c r="C59" s="13">
        <v>11261</v>
      </c>
      <c r="D59" s="14">
        <v>5872</v>
      </c>
      <c r="E59" s="14">
        <v>5389</v>
      </c>
      <c r="F59" s="14"/>
      <c r="G59" s="18" t="s">
        <v>116</v>
      </c>
      <c r="H59" s="17"/>
      <c r="I59" s="13">
        <v>245</v>
      </c>
      <c r="J59" s="14">
        <v>46</v>
      </c>
      <c r="K59" s="14">
        <v>199</v>
      </c>
    </row>
    <row r="60" spans="1:11" ht="15" customHeight="1">
      <c r="A60" s="17" t="s">
        <v>117</v>
      </c>
      <c r="B60" s="17"/>
      <c r="C60" s="13">
        <v>2252</v>
      </c>
      <c r="D60" s="19">
        <v>1166</v>
      </c>
      <c r="E60" s="19">
        <v>1086</v>
      </c>
      <c r="F60" s="19"/>
      <c r="G60" s="18" t="s">
        <v>118</v>
      </c>
      <c r="H60" s="17"/>
      <c r="I60" s="13">
        <v>90</v>
      </c>
      <c r="J60" s="19">
        <v>11</v>
      </c>
      <c r="K60" s="19">
        <v>79</v>
      </c>
    </row>
    <row r="61" spans="1:11" ht="15" customHeight="1">
      <c r="A61" s="17" t="s">
        <v>119</v>
      </c>
      <c r="B61" s="17"/>
      <c r="C61" s="13">
        <v>2325</v>
      </c>
      <c r="D61" s="19">
        <v>1189</v>
      </c>
      <c r="E61" s="19">
        <v>1136</v>
      </c>
      <c r="F61" s="19"/>
      <c r="G61" s="18" t="s">
        <v>120</v>
      </c>
      <c r="H61" s="17"/>
      <c r="I61" s="13">
        <v>74</v>
      </c>
      <c r="J61" s="19">
        <v>12</v>
      </c>
      <c r="K61" s="19">
        <v>62</v>
      </c>
    </row>
    <row r="62" spans="1:11" ht="15" customHeight="1">
      <c r="A62" s="17" t="s">
        <v>121</v>
      </c>
      <c r="B62" s="17"/>
      <c r="C62" s="13">
        <v>2259</v>
      </c>
      <c r="D62" s="19">
        <v>1242</v>
      </c>
      <c r="E62" s="19">
        <v>1017</v>
      </c>
      <c r="F62" s="19"/>
      <c r="G62" s="18" t="s">
        <v>122</v>
      </c>
      <c r="H62" s="17"/>
      <c r="I62" s="13">
        <v>40</v>
      </c>
      <c r="J62" s="19">
        <v>9</v>
      </c>
      <c r="K62" s="19">
        <v>31</v>
      </c>
    </row>
    <row r="63" spans="1:11" ht="15" customHeight="1">
      <c r="A63" s="17" t="s">
        <v>123</v>
      </c>
      <c r="B63" s="17"/>
      <c r="C63" s="13">
        <v>2316</v>
      </c>
      <c r="D63" s="19">
        <v>1179</v>
      </c>
      <c r="E63" s="19">
        <v>1137</v>
      </c>
      <c r="F63" s="19"/>
      <c r="G63" s="18" t="s">
        <v>124</v>
      </c>
      <c r="H63" s="17"/>
      <c r="I63" s="13">
        <v>29</v>
      </c>
      <c r="J63" s="19">
        <v>8</v>
      </c>
      <c r="K63" s="19">
        <v>21</v>
      </c>
    </row>
    <row r="64" spans="1:11" ht="15" customHeight="1">
      <c r="A64" s="17" t="s">
        <v>125</v>
      </c>
      <c r="B64" s="17"/>
      <c r="C64" s="13">
        <v>2109</v>
      </c>
      <c r="D64" s="19">
        <v>1096</v>
      </c>
      <c r="E64" s="19">
        <v>1013</v>
      </c>
      <c r="F64" s="19"/>
      <c r="G64" s="18" t="s">
        <v>126</v>
      </c>
      <c r="H64" s="17"/>
      <c r="I64" s="13">
        <v>12</v>
      </c>
      <c r="J64" s="19">
        <v>6</v>
      </c>
      <c r="K64" s="19">
        <v>6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1</v>
      </c>
      <c r="J65" s="19">
        <v>5</v>
      </c>
      <c r="K65" s="19">
        <v>5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93</v>
      </c>
      <c r="J66" s="29">
        <v>557</v>
      </c>
      <c r="K66" s="29">
        <v>736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3" pageOrder="overThenDown" orientation="portrait" blackAndWhite="1" useFirstPageNumber="1" horizontalDpi="300" verticalDpi="300"/>
  <headerFooter scaleWithDoc="0"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84307</v>
      </c>
      <c r="D4" s="14">
        <v>42909</v>
      </c>
      <c r="E4" s="14">
        <v>4139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310</v>
      </c>
      <c r="D5" s="14">
        <v>1726</v>
      </c>
      <c r="E5" s="14">
        <v>1584</v>
      </c>
      <c r="F5" s="14"/>
      <c r="G5" s="18" t="s">
        <v>8</v>
      </c>
      <c r="H5" s="17"/>
      <c r="I5" s="13">
        <v>5666</v>
      </c>
      <c r="J5" s="14">
        <v>3084</v>
      </c>
      <c r="K5" s="14">
        <v>2582</v>
      </c>
    </row>
    <row r="6" spans="1:11" ht="15" customHeight="1">
      <c r="A6" s="17" t="s">
        <v>9</v>
      </c>
      <c r="B6" s="17"/>
      <c r="C6" s="13">
        <v>621</v>
      </c>
      <c r="D6" s="19">
        <v>338</v>
      </c>
      <c r="E6" s="19">
        <v>283</v>
      </c>
      <c r="F6" s="19"/>
      <c r="G6" s="18" t="s">
        <v>10</v>
      </c>
      <c r="H6" s="17"/>
      <c r="I6" s="13">
        <v>1348</v>
      </c>
      <c r="J6" s="19">
        <v>728</v>
      </c>
      <c r="K6" s="19">
        <v>620</v>
      </c>
    </row>
    <row r="7" spans="1:11" ht="15" customHeight="1">
      <c r="A7" s="17" t="s">
        <v>11</v>
      </c>
      <c r="B7" s="17"/>
      <c r="C7" s="13">
        <v>634</v>
      </c>
      <c r="D7" s="19">
        <v>356</v>
      </c>
      <c r="E7" s="19">
        <v>278</v>
      </c>
      <c r="F7" s="19"/>
      <c r="G7" s="18" t="s">
        <v>12</v>
      </c>
      <c r="H7" s="17"/>
      <c r="I7" s="13">
        <v>1340</v>
      </c>
      <c r="J7" s="19">
        <v>747</v>
      </c>
      <c r="K7" s="19">
        <v>593</v>
      </c>
    </row>
    <row r="8" spans="1:11" ht="15" customHeight="1">
      <c r="A8" s="17" t="s">
        <v>13</v>
      </c>
      <c r="B8" s="17"/>
      <c r="C8" s="13">
        <v>644</v>
      </c>
      <c r="D8" s="19">
        <v>313</v>
      </c>
      <c r="E8" s="19">
        <v>331</v>
      </c>
      <c r="F8" s="19"/>
      <c r="G8" s="18" t="s">
        <v>14</v>
      </c>
      <c r="H8" s="17"/>
      <c r="I8" s="13">
        <v>909</v>
      </c>
      <c r="J8" s="19">
        <v>489</v>
      </c>
      <c r="K8" s="19">
        <v>420</v>
      </c>
    </row>
    <row r="9" spans="1:11" ht="15" customHeight="1">
      <c r="A9" s="17" t="s">
        <v>15</v>
      </c>
      <c r="B9" s="17"/>
      <c r="C9" s="13">
        <v>688</v>
      </c>
      <c r="D9" s="19">
        <v>373</v>
      </c>
      <c r="E9" s="19">
        <v>315</v>
      </c>
      <c r="F9" s="19"/>
      <c r="G9" s="18" t="s">
        <v>16</v>
      </c>
      <c r="H9" s="17"/>
      <c r="I9" s="13">
        <v>1111</v>
      </c>
      <c r="J9" s="19">
        <v>583</v>
      </c>
      <c r="K9" s="19">
        <v>528</v>
      </c>
    </row>
    <row r="10" spans="1:11" ht="15" customHeight="1">
      <c r="A10" s="17" t="s">
        <v>17</v>
      </c>
      <c r="B10" s="17"/>
      <c r="C10" s="13">
        <v>723</v>
      </c>
      <c r="D10" s="19">
        <v>346</v>
      </c>
      <c r="E10" s="19">
        <v>377</v>
      </c>
      <c r="F10" s="19"/>
      <c r="G10" s="18" t="s">
        <v>18</v>
      </c>
      <c r="H10" s="17"/>
      <c r="I10" s="13">
        <v>958</v>
      </c>
      <c r="J10" s="19">
        <v>537</v>
      </c>
      <c r="K10" s="19">
        <v>421</v>
      </c>
    </row>
    <row r="11" spans="1:11" ht="20.100000000000001" customHeight="1">
      <c r="A11" s="17" t="s">
        <v>19</v>
      </c>
      <c r="B11" s="17"/>
      <c r="C11" s="13">
        <v>3892</v>
      </c>
      <c r="D11" s="14">
        <v>1985</v>
      </c>
      <c r="E11" s="14">
        <v>1907</v>
      </c>
      <c r="F11" s="14"/>
      <c r="G11" s="18" t="s">
        <v>20</v>
      </c>
      <c r="H11" s="17"/>
      <c r="I11" s="13">
        <v>4305</v>
      </c>
      <c r="J11" s="14">
        <v>2285</v>
      </c>
      <c r="K11" s="14">
        <v>2020</v>
      </c>
    </row>
    <row r="12" spans="1:11" ht="15" customHeight="1">
      <c r="A12" s="17" t="s">
        <v>21</v>
      </c>
      <c r="B12" s="17"/>
      <c r="C12" s="13">
        <v>745</v>
      </c>
      <c r="D12" s="19">
        <v>361</v>
      </c>
      <c r="E12" s="19">
        <v>384</v>
      </c>
      <c r="F12" s="19"/>
      <c r="G12" s="18" t="s">
        <v>22</v>
      </c>
      <c r="H12" s="17"/>
      <c r="I12" s="13">
        <v>916</v>
      </c>
      <c r="J12" s="19">
        <v>465</v>
      </c>
      <c r="K12" s="19">
        <v>451</v>
      </c>
    </row>
    <row r="13" spans="1:11" ht="15" customHeight="1">
      <c r="A13" s="17" t="s">
        <v>23</v>
      </c>
      <c r="B13" s="17"/>
      <c r="C13" s="13">
        <v>767</v>
      </c>
      <c r="D13" s="19">
        <v>386</v>
      </c>
      <c r="E13" s="19">
        <v>381</v>
      </c>
      <c r="F13" s="19"/>
      <c r="G13" s="18" t="s">
        <v>24</v>
      </c>
      <c r="H13" s="17"/>
      <c r="I13" s="13">
        <v>906</v>
      </c>
      <c r="J13" s="19">
        <v>525</v>
      </c>
      <c r="K13" s="19">
        <v>381</v>
      </c>
    </row>
    <row r="14" spans="1:11" ht="15" customHeight="1">
      <c r="A14" s="17" t="s">
        <v>25</v>
      </c>
      <c r="B14" s="17"/>
      <c r="C14" s="13">
        <v>782</v>
      </c>
      <c r="D14" s="19">
        <v>388</v>
      </c>
      <c r="E14" s="19">
        <v>394</v>
      </c>
      <c r="F14" s="19"/>
      <c r="G14" s="18" t="s">
        <v>26</v>
      </c>
      <c r="H14" s="17"/>
      <c r="I14" s="13">
        <v>857</v>
      </c>
      <c r="J14" s="19">
        <v>471</v>
      </c>
      <c r="K14" s="19">
        <v>386</v>
      </c>
    </row>
    <row r="15" spans="1:11" ht="15" customHeight="1">
      <c r="A15" s="17" t="s">
        <v>27</v>
      </c>
      <c r="B15" s="17"/>
      <c r="C15" s="13">
        <v>843</v>
      </c>
      <c r="D15" s="19">
        <v>457</v>
      </c>
      <c r="E15" s="19">
        <v>386</v>
      </c>
      <c r="F15" s="19"/>
      <c r="G15" s="18" t="s">
        <v>28</v>
      </c>
      <c r="H15" s="17"/>
      <c r="I15" s="13">
        <v>785</v>
      </c>
      <c r="J15" s="19">
        <v>403</v>
      </c>
      <c r="K15" s="19">
        <v>382</v>
      </c>
    </row>
    <row r="16" spans="1:11" ht="15" customHeight="1">
      <c r="A16" s="17" t="s">
        <v>29</v>
      </c>
      <c r="B16" s="17"/>
      <c r="C16" s="13">
        <v>755</v>
      </c>
      <c r="D16" s="19">
        <v>393</v>
      </c>
      <c r="E16" s="19">
        <v>362</v>
      </c>
      <c r="F16" s="19"/>
      <c r="G16" s="18" t="s">
        <v>30</v>
      </c>
      <c r="H16" s="17"/>
      <c r="I16" s="13">
        <v>841</v>
      </c>
      <c r="J16" s="19">
        <v>421</v>
      </c>
      <c r="K16" s="19">
        <v>420</v>
      </c>
    </row>
    <row r="17" spans="1:11" ht="20.100000000000001" customHeight="1">
      <c r="A17" s="20" t="s">
        <v>31</v>
      </c>
      <c r="B17" s="20"/>
      <c r="C17" s="13">
        <v>4058</v>
      </c>
      <c r="D17" s="14">
        <v>2080</v>
      </c>
      <c r="E17" s="14">
        <v>1978</v>
      </c>
      <c r="F17" s="14"/>
      <c r="G17" s="18" t="s">
        <v>32</v>
      </c>
      <c r="H17" s="17"/>
      <c r="I17" s="13">
        <v>4152</v>
      </c>
      <c r="J17" s="14">
        <v>2068</v>
      </c>
      <c r="K17" s="14">
        <v>2084</v>
      </c>
    </row>
    <row r="18" spans="1:11" ht="15" customHeight="1">
      <c r="A18" s="17" t="s">
        <v>33</v>
      </c>
      <c r="B18" s="17"/>
      <c r="C18" s="13">
        <v>855</v>
      </c>
      <c r="D18" s="19">
        <v>417</v>
      </c>
      <c r="E18" s="19">
        <v>438</v>
      </c>
      <c r="F18" s="19"/>
      <c r="G18" s="18" t="s">
        <v>34</v>
      </c>
      <c r="H18" s="17"/>
      <c r="I18" s="13">
        <v>807</v>
      </c>
      <c r="J18" s="19">
        <v>384</v>
      </c>
      <c r="K18" s="19">
        <v>423</v>
      </c>
    </row>
    <row r="19" spans="1:11" ht="15" customHeight="1">
      <c r="A19" s="17" t="s">
        <v>35</v>
      </c>
      <c r="B19" s="17"/>
      <c r="C19" s="13">
        <v>784</v>
      </c>
      <c r="D19" s="19">
        <v>421</v>
      </c>
      <c r="E19" s="19">
        <v>363</v>
      </c>
      <c r="F19" s="19"/>
      <c r="G19" s="18" t="s">
        <v>36</v>
      </c>
      <c r="H19" s="17"/>
      <c r="I19" s="13">
        <v>774</v>
      </c>
      <c r="J19" s="19">
        <v>400</v>
      </c>
      <c r="K19" s="19">
        <v>374</v>
      </c>
    </row>
    <row r="20" spans="1:11" ht="15" customHeight="1">
      <c r="A20" s="17" t="s">
        <v>37</v>
      </c>
      <c r="B20" s="17"/>
      <c r="C20" s="13">
        <v>809</v>
      </c>
      <c r="D20" s="19">
        <v>398</v>
      </c>
      <c r="E20" s="19">
        <v>411</v>
      </c>
      <c r="F20" s="19"/>
      <c r="G20" s="18" t="s">
        <v>38</v>
      </c>
      <c r="H20" s="17"/>
      <c r="I20" s="13">
        <v>840</v>
      </c>
      <c r="J20" s="19">
        <v>441</v>
      </c>
      <c r="K20" s="19">
        <v>399</v>
      </c>
    </row>
    <row r="21" spans="1:11" ht="15" customHeight="1">
      <c r="A21" s="17" t="s">
        <v>39</v>
      </c>
      <c r="B21" s="17"/>
      <c r="C21" s="13">
        <v>774</v>
      </c>
      <c r="D21" s="19">
        <v>425</v>
      </c>
      <c r="E21" s="19">
        <v>349</v>
      </c>
      <c r="F21" s="19"/>
      <c r="G21" s="18" t="s">
        <v>40</v>
      </c>
      <c r="H21" s="17"/>
      <c r="I21" s="13">
        <v>862</v>
      </c>
      <c r="J21" s="19">
        <v>394</v>
      </c>
      <c r="K21" s="19">
        <v>468</v>
      </c>
    </row>
    <row r="22" spans="1:11" ht="15" customHeight="1">
      <c r="A22" s="17" t="s">
        <v>41</v>
      </c>
      <c r="B22" s="17"/>
      <c r="C22" s="13">
        <v>836</v>
      </c>
      <c r="D22" s="19">
        <v>419</v>
      </c>
      <c r="E22" s="19">
        <v>417</v>
      </c>
      <c r="F22" s="19"/>
      <c r="G22" s="18" t="s">
        <v>42</v>
      </c>
      <c r="H22" s="17"/>
      <c r="I22" s="13">
        <v>869</v>
      </c>
      <c r="J22" s="19">
        <v>449</v>
      </c>
      <c r="K22" s="19">
        <v>420</v>
      </c>
    </row>
    <row r="23" spans="1:11" ht="20.100000000000001" customHeight="1">
      <c r="A23" s="17" t="s">
        <v>43</v>
      </c>
      <c r="B23" s="17"/>
      <c r="C23" s="13">
        <v>4163</v>
      </c>
      <c r="D23" s="14">
        <v>2135</v>
      </c>
      <c r="E23" s="14">
        <v>2028</v>
      </c>
      <c r="F23" s="14"/>
      <c r="G23" s="18" t="s">
        <v>44</v>
      </c>
      <c r="H23" s="17"/>
      <c r="I23" s="13">
        <v>5867</v>
      </c>
      <c r="J23" s="14">
        <v>2787</v>
      </c>
      <c r="K23" s="14">
        <v>3080</v>
      </c>
    </row>
    <row r="24" spans="1:11" ht="15" customHeight="1">
      <c r="A24" s="17" t="s">
        <v>45</v>
      </c>
      <c r="B24" s="17"/>
      <c r="C24" s="13">
        <v>803</v>
      </c>
      <c r="D24" s="19">
        <v>402</v>
      </c>
      <c r="E24" s="19">
        <v>401</v>
      </c>
      <c r="F24" s="19"/>
      <c r="G24" s="18" t="s">
        <v>46</v>
      </c>
      <c r="H24" s="17"/>
      <c r="I24" s="13">
        <v>957</v>
      </c>
      <c r="J24" s="19">
        <v>429</v>
      </c>
      <c r="K24" s="19">
        <v>528</v>
      </c>
    </row>
    <row r="25" spans="1:11" ht="15" customHeight="1">
      <c r="A25" s="17" t="s">
        <v>47</v>
      </c>
      <c r="B25" s="17"/>
      <c r="C25" s="13">
        <v>853</v>
      </c>
      <c r="D25" s="19">
        <v>404</v>
      </c>
      <c r="E25" s="19">
        <v>449</v>
      </c>
      <c r="F25" s="19"/>
      <c r="G25" s="18" t="s">
        <v>48</v>
      </c>
      <c r="H25" s="17"/>
      <c r="I25" s="13">
        <v>1008</v>
      </c>
      <c r="J25" s="19">
        <v>517</v>
      </c>
      <c r="K25" s="19">
        <v>491</v>
      </c>
    </row>
    <row r="26" spans="1:11" ht="15" customHeight="1">
      <c r="A26" s="17" t="s">
        <v>49</v>
      </c>
      <c r="B26" s="17"/>
      <c r="C26" s="13">
        <v>818</v>
      </c>
      <c r="D26" s="19">
        <v>411</v>
      </c>
      <c r="E26" s="19">
        <v>407</v>
      </c>
      <c r="F26" s="19"/>
      <c r="G26" s="18" t="s">
        <v>50</v>
      </c>
      <c r="H26" s="17"/>
      <c r="I26" s="13">
        <v>1112</v>
      </c>
      <c r="J26" s="19">
        <v>533</v>
      </c>
      <c r="K26" s="19">
        <v>579</v>
      </c>
    </row>
    <row r="27" spans="1:11" ht="15" customHeight="1">
      <c r="A27" s="17" t="s">
        <v>51</v>
      </c>
      <c r="B27" s="17"/>
      <c r="C27" s="13">
        <v>905</v>
      </c>
      <c r="D27" s="19">
        <v>502</v>
      </c>
      <c r="E27" s="19">
        <v>403</v>
      </c>
      <c r="F27" s="19"/>
      <c r="G27" s="18" t="s">
        <v>52</v>
      </c>
      <c r="H27" s="17"/>
      <c r="I27" s="13">
        <v>1311</v>
      </c>
      <c r="J27" s="19">
        <v>626</v>
      </c>
      <c r="K27" s="19">
        <v>685</v>
      </c>
    </row>
    <row r="28" spans="1:11" ht="15" customHeight="1">
      <c r="A28" s="17" t="s">
        <v>53</v>
      </c>
      <c r="B28" s="17"/>
      <c r="C28" s="13">
        <v>784</v>
      </c>
      <c r="D28" s="19">
        <v>416</v>
      </c>
      <c r="E28" s="19">
        <v>368</v>
      </c>
      <c r="F28" s="19"/>
      <c r="G28" s="18" t="s">
        <v>54</v>
      </c>
      <c r="H28" s="17"/>
      <c r="I28" s="13">
        <v>1479</v>
      </c>
      <c r="J28" s="19">
        <v>682</v>
      </c>
      <c r="K28" s="19">
        <v>797</v>
      </c>
    </row>
    <row r="29" spans="1:11" ht="20.100000000000001" customHeight="1">
      <c r="A29" s="17" t="s">
        <v>55</v>
      </c>
      <c r="B29" s="17"/>
      <c r="C29" s="13">
        <v>4097</v>
      </c>
      <c r="D29" s="14">
        <v>2204</v>
      </c>
      <c r="E29" s="14">
        <v>1893</v>
      </c>
      <c r="F29" s="14"/>
      <c r="G29" s="18" t="s">
        <v>56</v>
      </c>
      <c r="H29" s="17"/>
      <c r="I29" s="13">
        <v>6082</v>
      </c>
      <c r="J29" s="14">
        <v>2759</v>
      </c>
      <c r="K29" s="14">
        <v>3323</v>
      </c>
    </row>
    <row r="30" spans="1:11" ht="15" customHeight="1">
      <c r="A30" s="17" t="s">
        <v>57</v>
      </c>
      <c r="B30" s="17"/>
      <c r="C30" s="13">
        <v>807</v>
      </c>
      <c r="D30" s="19">
        <v>416</v>
      </c>
      <c r="E30" s="19">
        <v>391</v>
      </c>
      <c r="F30" s="19"/>
      <c r="G30" s="18" t="s">
        <v>58</v>
      </c>
      <c r="H30" s="17"/>
      <c r="I30" s="13">
        <v>1425</v>
      </c>
      <c r="J30" s="19">
        <v>632</v>
      </c>
      <c r="K30" s="19">
        <v>793</v>
      </c>
    </row>
    <row r="31" spans="1:11" ht="15" customHeight="1">
      <c r="A31" s="17" t="s">
        <v>59</v>
      </c>
      <c r="B31" s="17"/>
      <c r="C31" s="13">
        <v>884</v>
      </c>
      <c r="D31" s="19">
        <v>495</v>
      </c>
      <c r="E31" s="19">
        <v>389</v>
      </c>
      <c r="F31" s="19"/>
      <c r="G31" s="18" t="s">
        <v>60</v>
      </c>
      <c r="H31" s="17"/>
      <c r="I31" s="13">
        <v>1430</v>
      </c>
      <c r="J31" s="19">
        <v>647</v>
      </c>
      <c r="K31" s="19">
        <v>783</v>
      </c>
    </row>
    <row r="32" spans="1:11" ht="15" customHeight="1">
      <c r="A32" s="17" t="s">
        <v>61</v>
      </c>
      <c r="B32" s="17"/>
      <c r="C32" s="13">
        <v>847</v>
      </c>
      <c r="D32" s="19">
        <v>463</v>
      </c>
      <c r="E32" s="19">
        <v>384</v>
      </c>
      <c r="F32" s="19"/>
      <c r="G32" s="18" t="s">
        <v>62</v>
      </c>
      <c r="H32" s="17"/>
      <c r="I32" s="13">
        <v>1058</v>
      </c>
      <c r="J32" s="19">
        <v>504</v>
      </c>
      <c r="K32" s="19">
        <v>554</v>
      </c>
    </row>
    <row r="33" spans="1:11" ht="15" customHeight="1">
      <c r="A33" s="17" t="s">
        <v>63</v>
      </c>
      <c r="B33" s="17"/>
      <c r="C33" s="13">
        <v>800</v>
      </c>
      <c r="D33" s="19">
        <v>420</v>
      </c>
      <c r="E33" s="19">
        <v>380</v>
      </c>
      <c r="F33" s="19"/>
      <c r="G33" s="18" t="s">
        <v>64</v>
      </c>
      <c r="H33" s="17"/>
      <c r="I33" s="13">
        <v>947</v>
      </c>
      <c r="J33" s="19">
        <v>425</v>
      </c>
      <c r="K33" s="19">
        <v>522</v>
      </c>
    </row>
    <row r="34" spans="1:11" ht="15" customHeight="1">
      <c r="A34" s="17" t="s">
        <v>65</v>
      </c>
      <c r="B34" s="17"/>
      <c r="C34" s="13">
        <v>759</v>
      </c>
      <c r="D34" s="19">
        <v>410</v>
      </c>
      <c r="E34" s="19">
        <v>349</v>
      </c>
      <c r="F34" s="19"/>
      <c r="G34" s="18" t="s">
        <v>66</v>
      </c>
      <c r="H34" s="17"/>
      <c r="I34" s="13">
        <v>1222</v>
      </c>
      <c r="J34" s="19">
        <v>551</v>
      </c>
      <c r="K34" s="19">
        <v>671</v>
      </c>
    </row>
    <row r="35" spans="1:11" ht="20.100000000000001" customHeight="1">
      <c r="A35" s="17" t="s">
        <v>67</v>
      </c>
      <c r="B35" s="17"/>
      <c r="C35" s="13">
        <v>3919</v>
      </c>
      <c r="D35" s="14">
        <v>2123</v>
      </c>
      <c r="E35" s="14">
        <v>1796</v>
      </c>
      <c r="F35" s="14"/>
      <c r="G35" s="18" t="s">
        <v>68</v>
      </c>
      <c r="H35" s="17"/>
      <c r="I35" s="13">
        <v>5469</v>
      </c>
      <c r="J35" s="14">
        <v>2664</v>
      </c>
      <c r="K35" s="14">
        <v>2805</v>
      </c>
    </row>
    <row r="36" spans="1:11" ht="15" customHeight="1">
      <c r="A36" s="17" t="s">
        <v>69</v>
      </c>
      <c r="B36" s="17"/>
      <c r="C36" s="13">
        <v>797</v>
      </c>
      <c r="D36" s="19">
        <v>452</v>
      </c>
      <c r="E36" s="19">
        <v>345</v>
      </c>
      <c r="F36" s="19"/>
      <c r="G36" s="18" t="s">
        <v>70</v>
      </c>
      <c r="H36" s="17"/>
      <c r="I36" s="13">
        <v>1239</v>
      </c>
      <c r="J36" s="19">
        <v>573</v>
      </c>
      <c r="K36" s="19">
        <v>666</v>
      </c>
    </row>
    <row r="37" spans="1:11" ht="15" customHeight="1">
      <c r="A37" s="17" t="s">
        <v>71</v>
      </c>
      <c r="B37" s="17"/>
      <c r="C37" s="13">
        <v>711</v>
      </c>
      <c r="D37" s="19">
        <v>392</v>
      </c>
      <c r="E37" s="19">
        <v>319</v>
      </c>
      <c r="F37" s="19"/>
      <c r="G37" s="18" t="s">
        <v>72</v>
      </c>
      <c r="H37" s="17"/>
      <c r="I37" s="13">
        <v>1242</v>
      </c>
      <c r="J37" s="19">
        <v>616</v>
      </c>
      <c r="K37" s="19">
        <v>626</v>
      </c>
    </row>
    <row r="38" spans="1:11" ht="15" customHeight="1">
      <c r="A38" s="17" t="s">
        <v>73</v>
      </c>
      <c r="B38" s="17"/>
      <c r="C38" s="13">
        <v>850</v>
      </c>
      <c r="D38" s="19">
        <v>451</v>
      </c>
      <c r="E38" s="19">
        <v>399</v>
      </c>
      <c r="F38" s="19"/>
      <c r="G38" s="18" t="s">
        <v>74</v>
      </c>
      <c r="H38" s="17"/>
      <c r="I38" s="13">
        <v>1115</v>
      </c>
      <c r="J38" s="19">
        <v>524</v>
      </c>
      <c r="K38" s="19">
        <v>591</v>
      </c>
    </row>
    <row r="39" spans="1:11" ht="15" customHeight="1">
      <c r="A39" s="17" t="s">
        <v>75</v>
      </c>
      <c r="B39" s="17"/>
      <c r="C39" s="13">
        <v>766</v>
      </c>
      <c r="D39" s="19">
        <v>427</v>
      </c>
      <c r="E39" s="19">
        <v>339</v>
      </c>
      <c r="F39" s="19"/>
      <c r="G39" s="18" t="s">
        <v>76</v>
      </c>
      <c r="H39" s="17"/>
      <c r="I39" s="13">
        <v>995</v>
      </c>
      <c r="J39" s="19">
        <v>491</v>
      </c>
      <c r="K39" s="19">
        <v>504</v>
      </c>
    </row>
    <row r="40" spans="1:11" ht="15" customHeight="1">
      <c r="A40" s="17" t="s">
        <v>77</v>
      </c>
      <c r="B40" s="17"/>
      <c r="C40" s="13">
        <v>795</v>
      </c>
      <c r="D40" s="19">
        <v>401</v>
      </c>
      <c r="E40" s="19">
        <v>394</v>
      </c>
      <c r="F40" s="19"/>
      <c r="G40" s="18" t="s">
        <v>78</v>
      </c>
      <c r="H40" s="17"/>
      <c r="I40" s="13">
        <v>878</v>
      </c>
      <c r="J40" s="19">
        <v>460</v>
      </c>
      <c r="K40" s="19">
        <v>418</v>
      </c>
    </row>
    <row r="41" spans="1:11" ht="20.100000000000001" customHeight="1">
      <c r="A41" s="17" t="s">
        <v>79</v>
      </c>
      <c r="B41" s="17"/>
      <c r="C41" s="13">
        <v>4444</v>
      </c>
      <c r="D41" s="14">
        <v>2376</v>
      </c>
      <c r="E41" s="14">
        <v>2068</v>
      </c>
      <c r="F41" s="14"/>
      <c r="G41" s="18" t="s">
        <v>80</v>
      </c>
      <c r="H41" s="17"/>
      <c r="I41" s="13">
        <v>3184</v>
      </c>
      <c r="J41" s="14">
        <v>1510</v>
      </c>
      <c r="K41" s="14">
        <v>1674</v>
      </c>
    </row>
    <row r="42" spans="1:11" ht="15" customHeight="1">
      <c r="A42" s="17" t="s">
        <v>81</v>
      </c>
      <c r="B42" s="17"/>
      <c r="C42" s="13">
        <v>894</v>
      </c>
      <c r="D42" s="19">
        <v>485</v>
      </c>
      <c r="E42" s="19">
        <v>409</v>
      </c>
      <c r="F42" s="19"/>
      <c r="G42" s="18" t="s">
        <v>82</v>
      </c>
      <c r="H42" s="17"/>
      <c r="I42" s="13">
        <v>763</v>
      </c>
      <c r="J42" s="19">
        <v>359</v>
      </c>
      <c r="K42" s="19">
        <v>404</v>
      </c>
    </row>
    <row r="43" spans="1:11" ht="15" customHeight="1">
      <c r="A43" s="17" t="s">
        <v>83</v>
      </c>
      <c r="B43" s="17"/>
      <c r="C43" s="13">
        <v>857</v>
      </c>
      <c r="D43" s="19">
        <v>460</v>
      </c>
      <c r="E43" s="19">
        <v>397</v>
      </c>
      <c r="F43" s="19"/>
      <c r="G43" s="18" t="s">
        <v>84</v>
      </c>
      <c r="H43" s="17"/>
      <c r="I43" s="13">
        <v>750</v>
      </c>
      <c r="J43" s="19">
        <v>362</v>
      </c>
      <c r="K43" s="19">
        <v>388</v>
      </c>
    </row>
    <row r="44" spans="1:11" ht="15" customHeight="1">
      <c r="A44" s="17" t="s">
        <v>85</v>
      </c>
      <c r="B44" s="17"/>
      <c r="C44" s="13">
        <v>890</v>
      </c>
      <c r="D44" s="19">
        <v>482</v>
      </c>
      <c r="E44" s="19">
        <v>408</v>
      </c>
      <c r="F44" s="19"/>
      <c r="G44" s="18" t="s">
        <v>86</v>
      </c>
      <c r="H44" s="17"/>
      <c r="I44" s="13">
        <v>624</v>
      </c>
      <c r="J44" s="19">
        <v>303</v>
      </c>
      <c r="K44" s="19">
        <v>321</v>
      </c>
    </row>
    <row r="45" spans="1:11" ht="15" customHeight="1">
      <c r="A45" s="17" t="s">
        <v>87</v>
      </c>
      <c r="B45" s="17"/>
      <c r="C45" s="13">
        <v>889</v>
      </c>
      <c r="D45" s="19">
        <v>442</v>
      </c>
      <c r="E45" s="19">
        <v>447</v>
      </c>
      <c r="F45" s="19"/>
      <c r="G45" s="18" t="s">
        <v>88</v>
      </c>
      <c r="H45" s="17"/>
      <c r="I45" s="13">
        <v>589</v>
      </c>
      <c r="J45" s="19">
        <v>283</v>
      </c>
      <c r="K45" s="19">
        <v>306</v>
      </c>
    </row>
    <row r="46" spans="1:11" ht="15" customHeight="1">
      <c r="A46" s="17" t="s">
        <v>89</v>
      </c>
      <c r="B46" s="17"/>
      <c r="C46" s="13">
        <v>914</v>
      </c>
      <c r="D46" s="19">
        <v>507</v>
      </c>
      <c r="E46" s="19">
        <v>407</v>
      </c>
      <c r="F46" s="19"/>
      <c r="G46" s="18" t="s">
        <v>90</v>
      </c>
      <c r="H46" s="17"/>
      <c r="I46" s="13">
        <v>458</v>
      </c>
      <c r="J46" s="19">
        <v>203</v>
      </c>
      <c r="K46" s="19">
        <v>255</v>
      </c>
    </row>
    <row r="47" spans="1:11" ht="20.100000000000001" customHeight="1">
      <c r="A47" s="17" t="s">
        <v>91</v>
      </c>
      <c r="B47" s="17"/>
      <c r="C47" s="13">
        <v>5080</v>
      </c>
      <c r="D47" s="14">
        <v>2714</v>
      </c>
      <c r="E47" s="14">
        <v>2366</v>
      </c>
      <c r="F47" s="14"/>
      <c r="G47" s="18" t="s">
        <v>92</v>
      </c>
      <c r="H47" s="17"/>
      <c r="I47" s="13">
        <v>1551</v>
      </c>
      <c r="J47" s="14">
        <v>588</v>
      </c>
      <c r="K47" s="14">
        <v>963</v>
      </c>
    </row>
    <row r="48" spans="1:11" ht="15" customHeight="1">
      <c r="A48" s="17" t="s">
        <v>93</v>
      </c>
      <c r="B48" s="17"/>
      <c r="C48" s="13">
        <v>978</v>
      </c>
      <c r="D48" s="19">
        <v>529</v>
      </c>
      <c r="E48" s="19">
        <v>449</v>
      </c>
      <c r="F48" s="19"/>
      <c r="G48" s="18" t="s">
        <v>94</v>
      </c>
      <c r="H48" s="17"/>
      <c r="I48" s="13">
        <v>411</v>
      </c>
      <c r="J48" s="19">
        <v>164</v>
      </c>
      <c r="K48" s="19">
        <v>247</v>
      </c>
    </row>
    <row r="49" spans="1:11" ht="15" customHeight="1">
      <c r="A49" s="17" t="s">
        <v>95</v>
      </c>
      <c r="B49" s="17"/>
      <c r="C49" s="13">
        <v>924</v>
      </c>
      <c r="D49" s="19">
        <v>480</v>
      </c>
      <c r="E49" s="19">
        <v>444</v>
      </c>
      <c r="F49" s="19"/>
      <c r="G49" s="18" t="s">
        <v>96</v>
      </c>
      <c r="H49" s="17"/>
      <c r="I49" s="13">
        <v>365</v>
      </c>
      <c r="J49" s="19">
        <v>150</v>
      </c>
      <c r="K49" s="19">
        <v>215</v>
      </c>
    </row>
    <row r="50" spans="1:11" ht="15" customHeight="1">
      <c r="A50" s="17" t="s">
        <v>97</v>
      </c>
      <c r="B50" s="17"/>
      <c r="C50" s="13">
        <v>991</v>
      </c>
      <c r="D50" s="19">
        <v>528</v>
      </c>
      <c r="E50" s="19">
        <v>463</v>
      </c>
      <c r="F50" s="19"/>
      <c r="G50" s="18" t="s">
        <v>98</v>
      </c>
      <c r="H50" s="17"/>
      <c r="I50" s="13">
        <v>318</v>
      </c>
      <c r="J50" s="19">
        <v>135</v>
      </c>
      <c r="K50" s="19">
        <v>183</v>
      </c>
    </row>
    <row r="51" spans="1:11" ht="15" customHeight="1">
      <c r="A51" s="17" t="s">
        <v>99</v>
      </c>
      <c r="B51" s="17"/>
      <c r="C51" s="13">
        <v>1042</v>
      </c>
      <c r="D51" s="19">
        <v>553</v>
      </c>
      <c r="E51" s="19">
        <v>489</v>
      </c>
      <c r="F51" s="19"/>
      <c r="G51" s="18" t="s">
        <v>100</v>
      </c>
      <c r="H51" s="17"/>
      <c r="I51" s="13">
        <v>234</v>
      </c>
      <c r="J51" s="19">
        <v>69</v>
      </c>
      <c r="K51" s="19">
        <v>165</v>
      </c>
    </row>
    <row r="52" spans="1:11" ht="15" customHeight="1">
      <c r="A52" s="17" t="s">
        <v>101</v>
      </c>
      <c r="B52" s="17"/>
      <c r="C52" s="13">
        <v>1145</v>
      </c>
      <c r="D52" s="19">
        <v>624</v>
      </c>
      <c r="E52" s="19">
        <v>521</v>
      </c>
      <c r="F52" s="19"/>
      <c r="G52" s="18" t="s">
        <v>102</v>
      </c>
      <c r="H52" s="17"/>
      <c r="I52" s="13">
        <v>223</v>
      </c>
      <c r="J52" s="19">
        <v>70</v>
      </c>
      <c r="K52" s="19">
        <v>153</v>
      </c>
    </row>
    <row r="53" spans="1:11" ht="20.100000000000001" customHeight="1">
      <c r="A53" s="17" t="s">
        <v>103</v>
      </c>
      <c r="B53" s="17"/>
      <c r="C53" s="13">
        <v>6447</v>
      </c>
      <c r="D53" s="14">
        <v>3399</v>
      </c>
      <c r="E53" s="14">
        <v>3048</v>
      </c>
      <c r="F53" s="14"/>
      <c r="G53" s="18" t="s">
        <v>104</v>
      </c>
      <c r="H53" s="17"/>
      <c r="I53" s="13">
        <v>630</v>
      </c>
      <c r="J53" s="14">
        <v>189</v>
      </c>
      <c r="K53" s="14">
        <v>441</v>
      </c>
    </row>
    <row r="54" spans="1:11" ht="15" customHeight="1">
      <c r="A54" s="17" t="s">
        <v>105</v>
      </c>
      <c r="B54" s="17"/>
      <c r="C54" s="13">
        <v>1183</v>
      </c>
      <c r="D54" s="19">
        <v>625</v>
      </c>
      <c r="E54" s="19">
        <v>558</v>
      </c>
      <c r="F54" s="19"/>
      <c r="G54" s="18" t="s">
        <v>106</v>
      </c>
      <c r="H54" s="17"/>
      <c r="I54" s="13">
        <v>166</v>
      </c>
      <c r="J54" s="19">
        <v>69</v>
      </c>
      <c r="K54" s="19">
        <v>97</v>
      </c>
    </row>
    <row r="55" spans="1:11" ht="15" customHeight="1">
      <c r="A55" s="17" t="s">
        <v>107</v>
      </c>
      <c r="B55" s="17"/>
      <c r="C55" s="13">
        <v>1156</v>
      </c>
      <c r="D55" s="19">
        <v>605</v>
      </c>
      <c r="E55" s="19">
        <v>551</v>
      </c>
      <c r="F55" s="19"/>
      <c r="G55" s="18" t="s">
        <v>108</v>
      </c>
      <c r="H55" s="17"/>
      <c r="I55" s="13">
        <v>155</v>
      </c>
      <c r="J55" s="19">
        <v>41</v>
      </c>
      <c r="K55" s="19">
        <v>114</v>
      </c>
    </row>
    <row r="56" spans="1:11" ht="15" customHeight="1">
      <c r="A56" s="17" t="s">
        <v>109</v>
      </c>
      <c r="B56" s="17"/>
      <c r="C56" s="13">
        <v>1284</v>
      </c>
      <c r="D56" s="19">
        <v>689</v>
      </c>
      <c r="E56" s="19">
        <v>595</v>
      </c>
      <c r="F56" s="19"/>
      <c r="G56" s="18" t="s">
        <v>110</v>
      </c>
      <c r="H56" s="17"/>
      <c r="I56" s="13">
        <v>95</v>
      </c>
      <c r="J56" s="19">
        <v>20</v>
      </c>
      <c r="K56" s="19">
        <v>75</v>
      </c>
    </row>
    <row r="57" spans="1:11" ht="15" customHeight="1">
      <c r="A57" s="17" t="s">
        <v>111</v>
      </c>
      <c r="B57" s="17"/>
      <c r="C57" s="13">
        <v>1312</v>
      </c>
      <c r="D57" s="19">
        <v>691</v>
      </c>
      <c r="E57" s="19">
        <v>621</v>
      </c>
      <c r="F57" s="19"/>
      <c r="G57" s="18" t="s">
        <v>112</v>
      </c>
      <c r="H57" s="17"/>
      <c r="I57" s="13">
        <v>124</v>
      </c>
      <c r="J57" s="19">
        <v>45</v>
      </c>
      <c r="K57" s="19">
        <v>79</v>
      </c>
    </row>
    <row r="58" spans="1:11" ht="15" customHeight="1">
      <c r="A58" s="17" t="s">
        <v>113</v>
      </c>
      <c r="B58" s="17"/>
      <c r="C58" s="13">
        <v>1512</v>
      </c>
      <c r="D58" s="19">
        <v>789</v>
      </c>
      <c r="E58" s="19">
        <v>723</v>
      </c>
      <c r="F58" s="19"/>
      <c r="G58" s="18" t="s">
        <v>114</v>
      </c>
      <c r="H58" s="17"/>
      <c r="I58" s="13">
        <v>90</v>
      </c>
      <c r="J58" s="19">
        <v>14</v>
      </c>
      <c r="K58" s="19">
        <v>76</v>
      </c>
    </row>
    <row r="59" spans="1:11" ht="20.100000000000001" customHeight="1">
      <c r="A59" s="17" t="s">
        <v>115</v>
      </c>
      <c r="B59" s="17"/>
      <c r="C59" s="13">
        <v>7364</v>
      </c>
      <c r="D59" s="14">
        <v>3956</v>
      </c>
      <c r="E59" s="14">
        <v>3408</v>
      </c>
      <c r="F59" s="14"/>
      <c r="G59" s="18" t="s">
        <v>116</v>
      </c>
      <c r="H59" s="17"/>
      <c r="I59" s="13">
        <v>173</v>
      </c>
      <c r="J59" s="14">
        <v>33</v>
      </c>
      <c r="K59" s="14">
        <v>140</v>
      </c>
    </row>
    <row r="60" spans="1:11" ht="15" customHeight="1">
      <c r="A60" s="17" t="s">
        <v>117</v>
      </c>
      <c r="B60" s="17"/>
      <c r="C60" s="13">
        <v>1581</v>
      </c>
      <c r="D60" s="19">
        <v>836</v>
      </c>
      <c r="E60" s="19">
        <v>745</v>
      </c>
      <c r="F60" s="19"/>
      <c r="G60" s="18" t="s">
        <v>118</v>
      </c>
      <c r="H60" s="17"/>
      <c r="I60" s="13">
        <v>61</v>
      </c>
      <c r="J60" s="19">
        <v>11</v>
      </c>
      <c r="K60" s="19">
        <v>50</v>
      </c>
    </row>
    <row r="61" spans="1:11" ht="15" customHeight="1">
      <c r="A61" s="17" t="s">
        <v>119</v>
      </c>
      <c r="B61" s="17"/>
      <c r="C61" s="13">
        <v>1501</v>
      </c>
      <c r="D61" s="19">
        <v>826</v>
      </c>
      <c r="E61" s="19">
        <v>675</v>
      </c>
      <c r="F61" s="19"/>
      <c r="G61" s="18" t="s">
        <v>120</v>
      </c>
      <c r="H61" s="17"/>
      <c r="I61" s="13">
        <v>41</v>
      </c>
      <c r="J61" s="19">
        <v>9</v>
      </c>
      <c r="K61" s="19">
        <v>32</v>
      </c>
    </row>
    <row r="62" spans="1:11" ht="15" customHeight="1">
      <c r="A62" s="17" t="s">
        <v>121</v>
      </c>
      <c r="B62" s="17"/>
      <c r="C62" s="13">
        <v>1485</v>
      </c>
      <c r="D62" s="19">
        <v>766</v>
      </c>
      <c r="E62" s="19">
        <v>719</v>
      </c>
      <c r="F62" s="19"/>
      <c r="G62" s="18" t="s">
        <v>122</v>
      </c>
      <c r="H62" s="17"/>
      <c r="I62" s="13">
        <v>26</v>
      </c>
      <c r="J62" s="19">
        <v>5</v>
      </c>
      <c r="K62" s="19">
        <v>21</v>
      </c>
    </row>
    <row r="63" spans="1:11" ht="15" customHeight="1">
      <c r="A63" s="17" t="s">
        <v>123</v>
      </c>
      <c r="B63" s="17"/>
      <c r="C63" s="13">
        <v>1442</v>
      </c>
      <c r="D63" s="19">
        <v>784</v>
      </c>
      <c r="E63" s="19">
        <v>658</v>
      </c>
      <c r="F63" s="19"/>
      <c r="G63" s="18" t="s">
        <v>124</v>
      </c>
      <c r="H63" s="17"/>
      <c r="I63" s="13">
        <v>18</v>
      </c>
      <c r="J63" s="19">
        <v>8</v>
      </c>
      <c r="K63" s="19">
        <v>10</v>
      </c>
    </row>
    <row r="64" spans="1:11" ht="15" customHeight="1">
      <c r="A64" s="17" t="s">
        <v>125</v>
      </c>
      <c r="B64" s="17"/>
      <c r="C64" s="13">
        <v>1355</v>
      </c>
      <c r="D64" s="19">
        <v>744</v>
      </c>
      <c r="E64" s="19">
        <v>611</v>
      </c>
      <c r="F64" s="19"/>
      <c r="G64" s="18" t="s">
        <v>126</v>
      </c>
      <c r="H64" s="17"/>
      <c r="I64" s="13">
        <v>27</v>
      </c>
      <c r="J64" s="19">
        <v>0</v>
      </c>
      <c r="K64" s="19">
        <v>2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2</v>
      </c>
      <c r="J65" s="19">
        <v>7</v>
      </c>
      <c r="K65" s="19">
        <v>4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02</v>
      </c>
      <c r="J66" s="29">
        <v>237</v>
      </c>
      <c r="K66" s="29">
        <v>16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4" pageOrder="overThenDown" orientation="portrait" blackAndWhite="1" useFirstPageNumber="1" horizontalDpi="300" verticalDpi="300"/>
  <headerFooter scaleWithDoc="0"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9665</v>
      </c>
      <c r="D4" s="14">
        <v>20654</v>
      </c>
      <c r="E4" s="14">
        <v>1901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82</v>
      </c>
      <c r="D5" s="14">
        <v>608</v>
      </c>
      <c r="E5" s="14">
        <v>574</v>
      </c>
      <c r="F5" s="14"/>
      <c r="G5" s="18" t="s">
        <v>8</v>
      </c>
      <c r="H5" s="17"/>
      <c r="I5" s="13">
        <v>2683</v>
      </c>
      <c r="J5" s="14">
        <v>1461</v>
      </c>
      <c r="K5" s="14">
        <v>1222</v>
      </c>
    </row>
    <row r="6" spans="1:11" ht="15" customHeight="1">
      <c r="A6" s="17" t="s">
        <v>9</v>
      </c>
      <c r="B6" s="17"/>
      <c r="C6" s="13">
        <v>206</v>
      </c>
      <c r="D6" s="19">
        <v>102</v>
      </c>
      <c r="E6" s="19">
        <v>104</v>
      </c>
      <c r="F6" s="19"/>
      <c r="G6" s="18" t="s">
        <v>10</v>
      </c>
      <c r="H6" s="17"/>
      <c r="I6" s="13">
        <v>574</v>
      </c>
      <c r="J6" s="19">
        <v>320</v>
      </c>
      <c r="K6" s="19">
        <v>254</v>
      </c>
    </row>
    <row r="7" spans="1:11" ht="15" customHeight="1">
      <c r="A7" s="17" t="s">
        <v>11</v>
      </c>
      <c r="B7" s="17"/>
      <c r="C7" s="13">
        <v>234</v>
      </c>
      <c r="D7" s="19">
        <v>129</v>
      </c>
      <c r="E7" s="19">
        <v>105</v>
      </c>
      <c r="F7" s="19"/>
      <c r="G7" s="18" t="s">
        <v>12</v>
      </c>
      <c r="H7" s="17"/>
      <c r="I7" s="13">
        <v>591</v>
      </c>
      <c r="J7" s="19">
        <v>328</v>
      </c>
      <c r="K7" s="19">
        <v>263</v>
      </c>
    </row>
    <row r="8" spans="1:11" ht="15" customHeight="1">
      <c r="A8" s="17" t="s">
        <v>13</v>
      </c>
      <c r="B8" s="17"/>
      <c r="C8" s="13">
        <v>243</v>
      </c>
      <c r="D8" s="19">
        <v>131</v>
      </c>
      <c r="E8" s="19">
        <v>112</v>
      </c>
      <c r="F8" s="19"/>
      <c r="G8" s="18" t="s">
        <v>14</v>
      </c>
      <c r="H8" s="17"/>
      <c r="I8" s="13">
        <v>454</v>
      </c>
      <c r="J8" s="19">
        <v>259</v>
      </c>
      <c r="K8" s="19">
        <v>195</v>
      </c>
    </row>
    <row r="9" spans="1:11" ht="15" customHeight="1">
      <c r="A9" s="17" t="s">
        <v>15</v>
      </c>
      <c r="B9" s="17"/>
      <c r="C9" s="13">
        <v>266</v>
      </c>
      <c r="D9" s="19">
        <v>139</v>
      </c>
      <c r="E9" s="19">
        <v>127</v>
      </c>
      <c r="F9" s="19"/>
      <c r="G9" s="18" t="s">
        <v>16</v>
      </c>
      <c r="H9" s="17"/>
      <c r="I9" s="13">
        <v>564</v>
      </c>
      <c r="J9" s="19">
        <v>279</v>
      </c>
      <c r="K9" s="19">
        <v>285</v>
      </c>
    </row>
    <row r="10" spans="1:11" ht="15" customHeight="1">
      <c r="A10" s="17" t="s">
        <v>17</v>
      </c>
      <c r="B10" s="17"/>
      <c r="C10" s="13">
        <v>233</v>
      </c>
      <c r="D10" s="19">
        <v>107</v>
      </c>
      <c r="E10" s="19">
        <v>126</v>
      </c>
      <c r="F10" s="19"/>
      <c r="G10" s="18" t="s">
        <v>18</v>
      </c>
      <c r="H10" s="17"/>
      <c r="I10" s="13">
        <v>500</v>
      </c>
      <c r="J10" s="19">
        <v>275</v>
      </c>
      <c r="K10" s="19">
        <v>225</v>
      </c>
    </row>
    <row r="11" spans="1:11" ht="20.100000000000001" customHeight="1">
      <c r="A11" s="17" t="s">
        <v>19</v>
      </c>
      <c r="B11" s="17"/>
      <c r="C11" s="13">
        <v>1431</v>
      </c>
      <c r="D11" s="14">
        <v>764</v>
      </c>
      <c r="E11" s="14">
        <v>667</v>
      </c>
      <c r="F11" s="14"/>
      <c r="G11" s="18" t="s">
        <v>20</v>
      </c>
      <c r="H11" s="17"/>
      <c r="I11" s="13">
        <v>2358</v>
      </c>
      <c r="J11" s="14">
        <v>1214</v>
      </c>
      <c r="K11" s="14">
        <v>1144</v>
      </c>
    </row>
    <row r="12" spans="1:11" ht="15" customHeight="1">
      <c r="A12" s="17" t="s">
        <v>21</v>
      </c>
      <c r="B12" s="17"/>
      <c r="C12" s="13">
        <v>278</v>
      </c>
      <c r="D12" s="19">
        <v>148</v>
      </c>
      <c r="E12" s="19">
        <v>130</v>
      </c>
      <c r="F12" s="19"/>
      <c r="G12" s="18" t="s">
        <v>22</v>
      </c>
      <c r="H12" s="17"/>
      <c r="I12" s="13">
        <v>516</v>
      </c>
      <c r="J12" s="19">
        <v>274</v>
      </c>
      <c r="K12" s="19">
        <v>242</v>
      </c>
    </row>
    <row r="13" spans="1:11" ht="15" customHeight="1">
      <c r="A13" s="17" t="s">
        <v>23</v>
      </c>
      <c r="B13" s="17"/>
      <c r="C13" s="13">
        <v>266</v>
      </c>
      <c r="D13" s="19">
        <v>141</v>
      </c>
      <c r="E13" s="19">
        <v>125</v>
      </c>
      <c r="F13" s="19"/>
      <c r="G13" s="18" t="s">
        <v>24</v>
      </c>
      <c r="H13" s="17"/>
      <c r="I13" s="13">
        <v>452</v>
      </c>
      <c r="J13" s="19">
        <v>217</v>
      </c>
      <c r="K13" s="19">
        <v>235</v>
      </c>
    </row>
    <row r="14" spans="1:11" ht="15" customHeight="1">
      <c r="A14" s="17" t="s">
        <v>25</v>
      </c>
      <c r="B14" s="17"/>
      <c r="C14" s="13">
        <v>286</v>
      </c>
      <c r="D14" s="19">
        <v>152</v>
      </c>
      <c r="E14" s="19">
        <v>134</v>
      </c>
      <c r="F14" s="19"/>
      <c r="G14" s="18" t="s">
        <v>26</v>
      </c>
      <c r="H14" s="17"/>
      <c r="I14" s="13">
        <v>435</v>
      </c>
      <c r="J14" s="19">
        <v>223</v>
      </c>
      <c r="K14" s="19">
        <v>212</v>
      </c>
    </row>
    <row r="15" spans="1:11" ht="15" customHeight="1">
      <c r="A15" s="17" t="s">
        <v>27</v>
      </c>
      <c r="B15" s="17"/>
      <c r="C15" s="13">
        <v>305</v>
      </c>
      <c r="D15" s="19">
        <v>163</v>
      </c>
      <c r="E15" s="19">
        <v>142</v>
      </c>
      <c r="F15" s="19"/>
      <c r="G15" s="18" t="s">
        <v>28</v>
      </c>
      <c r="H15" s="17"/>
      <c r="I15" s="13">
        <v>446</v>
      </c>
      <c r="J15" s="19">
        <v>231</v>
      </c>
      <c r="K15" s="19">
        <v>215</v>
      </c>
    </row>
    <row r="16" spans="1:11" ht="15" customHeight="1">
      <c r="A16" s="17" t="s">
        <v>29</v>
      </c>
      <c r="B16" s="17"/>
      <c r="C16" s="13">
        <v>296</v>
      </c>
      <c r="D16" s="19">
        <v>160</v>
      </c>
      <c r="E16" s="19">
        <v>136</v>
      </c>
      <c r="F16" s="19"/>
      <c r="G16" s="18" t="s">
        <v>30</v>
      </c>
      <c r="H16" s="17"/>
      <c r="I16" s="13">
        <v>509</v>
      </c>
      <c r="J16" s="19">
        <v>269</v>
      </c>
      <c r="K16" s="19">
        <v>240</v>
      </c>
    </row>
    <row r="17" spans="1:11" ht="20.100000000000001" customHeight="1">
      <c r="A17" s="20" t="s">
        <v>31</v>
      </c>
      <c r="B17" s="20"/>
      <c r="C17" s="13">
        <v>1662</v>
      </c>
      <c r="D17" s="14">
        <v>832</v>
      </c>
      <c r="E17" s="14">
        <v>830</v>
      </c>
      <c r="F17" s="14"/>
      <c r="G17" s="18" t="s">
        <v>32</v>
      </c>
      <c r="H17" s="17"/>
      <c r="I17" s="13">
        <v>2622</v>
      </c>
      <c r="J17" s="14">
        <v>1354</v>
      </c>
      <c r="K17" s="14">
        <v>1268</v>
      </c>
    </row>
    <row r="18" spans="1:11" ht="15" customHeight="1">
      <c r="A18" s="17" t="s">
        <v>33</v>
      </c>
      <c r="B18" s="17"/>
      <c r="C18" s="13">
        <v>328</v>
      </c>
      <c r="D18" s="19">
        <v>151</v>
      </c>
      <c r="E18" s="19">
        <v>177</v>
      </c>
      <c r="F18" s="19"/>
      <c r="G18" s="18" t="s">
        <v>34</v>
      </c>
      <c r="H18" s="17"/>
      <c r="I18" s="13">
        <v>526</v>
      </c>
      <c r="J18" s="19">
        <v>291</v>
      </c>
      <c r="K18" s="19">
        <v>235</v>
      </c>
    </row>
    <row r="19" spans="1:11" ht="15" customHeight="1">
      <c r="A19" s="17" t="s">
        <v>35</v>
      </c>
      <c r="B19" s="17"/>
      <c r="C19" s="13">
        <v>331</v>
      </c>
      <c r="D19" s="19">
        <v>176</v>
      </c>
      <c r="E19" s="19">
        <v>155</v>
      </c>
      <c r="F19" s="19"/>
      <c r="G19" s="18" t="s">
        <v>36</v>
      </c>
      <c r="H19" s="17"/>
      <c r="I19" s="13">
        <v>460</v>
      </c>
      <c r="J19" s="19">
        <v>236</v>
      </c>
      <c r="K19" s="19">
        <v>224</v>
      </c>
    </row>
    <row r="20" spans="1:11" ht="15" customHeight="1">
      <c r="A20" s="17" t="s">
        <v>37</v>
      </c>
      <c r="B20" s="17"/>
      <c r="C20" s="13">
        <v>356</v>
      </c>
      <c r="D20" s="19">
        <v>173</v>
      </c>
      <c r="E20" s="19">
        <v>183</v>
      </c>
      <c r="F20" s="19"/>
      <c r="G20" s="18" t="s">
        <v>38</v>
      </c>
      <c r="H20" s="17"/>
      <c r="I20" s="13">
        <v>533</v>
      </c>
      <c r="J20" s="19">
        <v>267</v>
      </c>
      <c r="K20" s="19">
        <v>266</v>
      </c>
    </row>
    <row r="21" spans="1:11" ht="15" customHeight="1">
      <c r="A21" s="17" t="s">
        <v>39</v>
      </c>
      <c r="B21" s="17"/>
      <c r="C21" s="13">
        <v>306</v>
      </c>
      <c r="D21" s="19">
        <v>158</v>
      </c>
      <c r="E21" s="19">
        <v>148</v>
      </c>
      <c r="F21" s="19"/>
      <c r="G21" s="18" t="s">
        <v>40</v>
      </c>
      <c r="H21" s="17"/>
      <c r="I21" s="13">
        <v>582</v>
      </c>
      <c r="J21" s="19">
        <v>297</v>
      </c>
      <c r="K21" s="19">
        <v>285</v>
      </c>
    </row>
    <row r="22" spans="1:11" ht="15" customHeight="1">
      <c r="A22" s="17" t="s">
        <v>41</v>
      </c>
      <c r="B22" s="17"/>
      <c r="C22" s="13">
        <v>341</v>
      </c>
      <c r="D22" s="19">
        <v>174</v>
      </c>
      <c r="E22" s="19">
        <v>167</v>
      </c>
      <c r="F22" s="19"/>
      <c r="G22" s="18" t="s">
        <v>42</v>
      </c>
      <c r="H22" s="17"/>
      <c r="I22" s="13">
        <v>521</v>
      </c>
      <c r="J22" s="19">
        <v>263</v>
      </c>
      <c r="K22" s="19">
        <v>258</v>
      </c>
    </row>
    <row r="23" spans="1:11" ht="20.100000000000001" customHeight="1">
      <c r="A23" s="17" t="s">
        <v>43</v>
      </c>
      <c r="B23" s="17"/>
      <c r="C23" s="13">
        <v>1974</v>
      </c>
      <c r="D23" s="14">
        <v>1024</v>
      </c>
      <c r="E23" s="14">
        <v>950</v>
      </c>
      <c r="F23" s="14"/>
      <c r="G23" s="18" t="s">
        <v>44</v>
      </c>
      <c r="H23" s="17"/>
      <c r="I23" s="13">
        <v>3504</v>
      </c>
      <c r="J23" s="14">
        <v>1764</v>
      </c>
      <c r="K23" s="14">
        <v>1740</v>
      </c>
    </row>
    <row r="24" spans="1:11" ht="15" customHeight="1">
      <c r="A24" s="17" t="s">
        <v>45</v>
      </c>
      <c r="B24" s="17"/>
      <c r="C24" s="13">
        <v>325</v>
      </c>
      <c r="D24" s="19">
        <v>172</v>
      </c>
      <c r="E24" s="19">
        <v>153</v>
      </c>
      <c r="F24" s="19"/>
      <c r="G24" s="18" t="s">
        <v>46</v>
      </c>
      <c r="H24" s="17"/>
      <c r="I24" s="13">
        <v>622</v>
      </c>
      <c r="J24" s="19">
        <v>313</v>
      </c>
      <c r="K24" s="19">
        <v>309</v>
      </c>
    </row>
    <row r="25" spans="1:11" ht="15" customHeight="1">
      <c r="A25" s="17" t="s">
        <v>47</v>
      </c>
      <c r="B25" s="17"/>
      <c r="C25" s="13">
        <v>371</v>
      </c>
      <c r="D25" s="19">
        <v>191</v>
      </c>
      <c r="E25" s="19">
        <v>180</v>
      </c>
      <c r="F25" s="19"/>
      <c r="G25" s="18" t="s">
        <v>48</v>
      </c>
      <c r="H25" s="17"/>
      <c r="I25" s="13">
        <v>676</v>
      </c>
      <c r="J25" s="19">
        <v>339</v>
      </c>
      <c r="K25" s="19">
        <v>337</v>
      </c>
    </row>
    <row r="26" spans="1:11" ht="15" customHeight="1">
      <c r="A26" s="17" t="s">
        <v>49</v>
      </c>
      <c r="B26" s="17"/>
      <c r="C26" s="13">
        <v>423</v>
      </c>
      <c r="D26" s="19">
        <v>211</v>
      </c>
      <c r="E26" s="19">
        <v>212</v>
      </c>
      <c r="F26" s="19"/>
      <c r="G26" s="18" t="s">
        <v>50</v>
      </c>
      <c r="H26" s="17"/>
      <c r="I26" s="13">
        <v>669</v>
      </c>
      <c r="J26" s="19">
        <v>343</v>
      </c>
      <c r="K26" s="19">
        <v>326</v>
      </c>
    </row>
    <row r="27" spans="1:11" ht="15" customHeight="1">
      <c r="A27" s="17" t="s">
        <v>51</v>
      </c>
      <c r="B27" s="17"/>
      <c r="C27" s="13">
        <v>433</v>
      </c>
      <c r="D27" s="19">
        <v>230</v>
      </c>
      <c r="E27" s="19">
        <v>203</v>
      </c>
      <c r="F27" s="19"/>
      <c r="G27" s="18" t="s">
        <v>52</v>
      </c>
      <c r="H27" s="17"/>
      <c r="I27" s="13">
        <v>729</v>
      </c>
      <c r="J27" s="19">
        <v>366</v>
      </c>
      <c r="K27" s="19">
        <v>363</v>
      </c>
    </row>
    <row r="28" spans="1:11" ht="15" customHeight="1">
      <c r="A28" s="17" t="s">
        <v>53</v>
      </c>
      <c r="B28" s="17"/>
      <c r="C28" s="13">
        <v>422</v>
      </c>
      <c r="D28" s="19">
        <v>220</v>
      </c>
      <c r="E28" s="19">
        <v>202</v>
      </c>
      <c r="F28" s="19"/>
      <c r="G28" s="18" t="s">
        <v>54</v>
      </c>
      <c r="H28" s="17"/>
      <c r="I28" s="13">
        <v>808</v>
      </c>
      <c r="J28" s="19">
        <v>403</v>
      </c>
      <c r="K28" s="19">
        <v>405</v>
      </c>
    </row>
    <row r="29" spans="1:11" ht="20.100000000000001" customHeight="1">
      <c r="A29" s="17" t="s">
        <v>55</v>
      </c>
      <c r="B29" s="17"/>
      <c r="C29" s="13">
        <v>1976</v>
      </c>
      <c r="D29" s="14">
        <v>1126</v>
      </c>
      <c r="E29" s="14">
        <v>850</v>
      </c>
      <c r="F29" s="14"/>
      <c r="G29" s="18" t="s">
        <v>56</v>
      </c>
      <c r="H29" s="17"/>
      <c r="I29" s="13">
        <v>3001</v>
      </c>
      <c r="J29" s="14">
        <v>1464</v>
      </c>
      <c r="K29" s="14">
        <v>1537</v>
      </c>
    </row>
    <row r="30" spans="1:11" ht="15" customHeight="1">
      <c r="A30" s="17" t="s">
        <v>57</v>
      </c>
      <c r="B30" s="17"/>
      <c r="C30" s="13">
        <v>422</v>
      </c>
      <c r="D30" s="19">
        <v>232</v>
      </c>
      <c r="E30" s="19">
        <v>190</v>
      </c>
      <c r="F30" s="19"/>
      <c r="G30" s="18" t="s">
        <v>58</v>
      </c>
      <c r="H30" s="17"/>
      <c r="I30" s="13">
        <v>783</v>
      </c>
      <c r="J30" s="19">
        <v>398</v>
      </c>
      <c r="K30" s="19">
        <v>385</v>
      </c>
    </row>
    <row r="31" spans="1:11" ht="15" customHeight="1">
      <c r="A31" s="17" t="s">
        <v>59</v>
      </c>
      <c r="B31" s="17"/>
      <c r="C31" s="13">
        <v>427</v>
      </c>
      <c r="D31" s="19">
        <v>238</v>
      </c>
      <c r="E31" s="19">
        <v>189</v>
      </c>
      <c r="F31" s="19"/>
      <c r="G31" s="18" t="s">
        <v>60</v>
      </c>
      <c r="H31" s="17"/>
      <c r="I31" s="13">
        <v>782</v>
      </c>
      <c r="J31" s="19">
        <v>372</v>
      </c>
      <c r="K31" s="19">
        <v>410</v>
      </c>
    </row>
    <row r="32" spans="1:11" ht="15" customHeight="1">
      <c r="A32" s="17" t="s">
        <v>61</v>
      </c>
      <c r="B32" s="17"/>
      <c r="C32" s="13">
        <v>408</v>
      </c>
      <c r="D32" s="19">
        <v>237</v>
      </c>
      <c r="E32" s="19">
        <v>171</v>
      </c>
      <c r="F32" s="19"/>
      <c r="G32" s="18" t="s">
        <v>62</v>
      </c>
      <c r="H32" s="17"/>
      <c r="I32" s="13">
        <v>491</v>
      </c>
      <c r="J32" s="19">
        <v>255</v>
      </c>
      <c r="K32" s="19">
        <v>236</v>
      </c>
    </row>
    <row r="33" spans="1:11" ht="15" customHeight="1">
      <c r="A33" s="17" t="s">
        <v>63</v>
      </c>
      <c r="B33" s="17"/>
      <c r="C33" s="13">
        <v>374</v>
      </c>
      <c r="D33" s="19">
        <v>209</v>
      </c>
      <c r="E33" s="19">
        <v>165</v>
      </c>
      <c r="F33" s="19"/>
      <c r="G33" s="18" t="s">
        <v>64</v>
      </c>
      <c r="H33" s="17"/>
      <c r="I33" s="13">
        <v>424</v>
      </c>
      <c r="J33" s="19">
        <v>186</v>
      </c>
      <c r="K33" s="19">
        <v>238</v>
      </c>
    </row>
    <row r="34" spans="1:11" ht="15" customHeight="1">
      <c r="A34" s="17" t="s">
        <v>65</v>
      </c>
      <c r="B34" s="17"/>
      <c r="C34" s="13">
        <v>345</v>
      </c>
      <c r="D34" s="19">
        <v>210</v>
      </c>
      <c r="E34" s="19">
        <v>135</v>
      </c>
      <c r="F34" s="19"/>
      <c r="G34" s="18" t="s">
        <v>66</v>
      </c>
      <c r="H34" s="17"/>
      <c r="I34" s="13">
        <v>521</v>
      </c>
      <c r="J34" s="19">
        <v>253</v>
      </c>
      <c r="K34" s="19">
        <v>268</v>
      </c>
    </row>
    <row r="35" spans="1:11" ht="20.100000000000001" customHeight="1">
      <c r="A35" s="17" t="s">
        <v>67</v>
      </c>
      <c r="B35" s="17"/>
      <c r="C35" s="13">
        <v>1697</v>
      </c>
      <c r="D35" s="14">
        <v>1019</v>
      </c>
      <c r="E35" s="14">
        <v>678</v>
      </c>
      <c r="F35" s="14"/>
      <c r="G35" s="18" t="s">
        <v>68</v>
      </c>
      <c r="H35" s="17"/>
      <c r="I35" s="13">
        <v>2499</v>
      </c>
      <c r="J35" s="14">
        <v>1221</v>
      </c>
      <c r="K35" s="14">
        <v>1278</v>
      </c>
    </row>
    <row r="36" spans="1:11" ht="15" customHeight="1">
      <c r="A36" s="17" t="s">
        <v>69</v>
      </c>
      <c r="B36" s="17"/>
      <c r="C36" s="13">
        <v>386</v>
      </c>
      <c r="D36" s="19">
        <v>235</v>
      </c>
      <c r="E36" s="19">
        <v>151</v>
      </c>
      <c r="F36" s="19"/>
      <c r="G36" s="18" t="s">
        <v>70</v>
      </c>
      <c r="H36" s="17"/>
      <c r="I36" s="13">
        <v>601</v>
      </c>
      <c r="J36" s="19">
        <v>310</v>
      </c>
      <c r="K36" s="19">
        <v>291</v>
      </c>
    </row>
    <row r="37" spans="1:11" ht="15" customHeight="1">
      <c r="A37" s="17" t="s">
        <v>71</v>
      </c>
      <c r="B37" s="17"/>
      <c r="C37" s="13">
        <v>331</v>
      </c>
      <c r="D37" s="19">
        <v>192</v>
      </c>
      <c r="E37" s="19">
        <v>139</v>
      </c>
      <c r="F37" s="19"/>
      <c r="G37" s="18" t="s">
        <v>72</v>
      </c>
      <c r="H37" s="17"/>
      <c r="I37" s="13">
        <v>524</v>
      </c>
      <c r="J37" s="19">
        <v>265</v>
      </c>
      <c r="K37" s="19">
        <v>259</v>
      </c>
    </row>
    <row r="38" spans="1:11" ht="15" customHeight="1">
      <c r="A38" s="17" t="s">
        <v>73</v>
      </c>
      <c r="B38" s="17"/>
      <c r="C38" s="13">
        <v>339</v>
      </c>
      <c r="D38" s="19">
        <v>204</v>
      </c>
      <c r="E38" s="19">
        <v>135</v>
      </c>
      <c r="F38" s="19"/>
      <c r="G38" s="18" t="s">
        <v>74</v>
      </c>
      <c r="H38" s="17"/>
      <c r="I38" s="13">
        <v>511</v>
      </c>
      <c r="J38" s="19">
        <v>245</v>
      </c>
      <c r="K38" s="19">
        <v>266</v>
      </c>
    </row>
    <row r="39" spans="1:11" ht="15" customHeight="1">
      <c r="A39" s="17" t="s">
        <v>75</v>
      </c>
      <c r="B39" s="17"/>
      <c r="C39" s="13">
        <v>312</v>
      </c>
      <c r="D39" s="19">
        <v>195</v>
      </c>
      <c r="E39" s="19">
        <v>117</v>
      </c>
      <c r="F39" s="19"/>
      <c r="G39" s="18" t="s">
        <v>76</v>
      </c>
      <c r="H39" s="17"/>
      <c r="I39" s="13">
        <v>470</v>
      </c>
      <c r="J39" s="19">
        <v>215</v>
      </c>
      <c r="K39" s="19">
        <v>255</v>
      </c>
    </row>
    <row r="40" spans="1:11" ht="15" customHeight="1">
      <c r="A40" s="17" t="s">
        <v>77</v>
      </c>
      <c r="B40" s="17"/>
      <c r="C40" s="13">
        <v>329</v>
      </c>
      <c r="D40" s="19">
        <v>193</v>
      </c>
      <c r="E40" s="19">
        <v>136</v>
      </c>
      <c r="F40" s="19"/>
      <c r="G40" s="18" t="s">
        <v>78</v>
      </c>
      <c r="H40" s="17"/>
      <c r="I40" s="13">
        <v>393</v>
      </c>
      <c r="J40" s="19">
        <v>186</v>
      </c>
      <c r="K40" s="19">
        <v>207</v>
      </c>
    </row>
    <row r="41" spans="1:11" ht="20.100000000000001" customHeight="1">
      <c r="A41" s="17" t="s">
        <v>79</v>
      </c>
      <c r="B41" s="17"/>
      <c r="C41" s="13">
        <v>1784</v>
      </c>
      <c r="D41" s="14">
        <v>978</v>
      </c>
      <c r="E41" s="14">
        <v>806</v>
      </c>
      <c r="F41" s="14"/>
      <c r="G41" s="18" t="s">
        <v>80</v>
      </c>
      <c r="H41" s="17"/>
      <c r="I41" s="13">
        <v>1423</v>
      </c>
      <c r="J41" s="14">
        <v>657</v>
      </c>
      <c r="K41" s="14">
        <v>766</v>
      </c>
    </row>
    <row r="42" spans="1:11" ht="15" customHeight="1">
      <c r="A42" s="17" t="s">
        <v>81</v>
      </c>
      <c r="B42" s="17"/>
      <c r="C42" s="13">
        <v>331</v>
      </c>
      <c r="D42" s="19">
        <v>177</v>
      </c>
      <c r="E42" s="19">
        <v>154</v>
      </c>
      <c r="F42" s="19"/>
      <c r="G42" s="18" t="s">
        <v>82</v>
      </c>
      <c r="H42" s="17"/>
      <c r="I42" s="13">
        <v>328</v>
      </c>
      <c r="J42" s="19">
        <v>157</v>
      </c>
      <c r="K42" s="19">
        <v>171</v>
      </c>
    </row>
    <row r="43" spans="1:11" ht="15" customHeight="1">
      <c r="A43" s="17" t="s">
        <v>83</v>
      </c>
      <c r="B43" s="17"/>
      <c r="C43" s="13">
        <v>363</v>
      </c>
      <c r="D43" s="19">
        <v>212</v>
      </c>
      <c r="E43" s="19">
        <v>151</v>
      </c>
      <c r="F43" s="19"/>
      <c r="G43" s="18" t="s">
        <v>84</v>
      </c>
      <c r="H43" s="17"/>
      <c r="I43" s="13">
        <v>321</v>
      </c>
      <c r="J43" s="19">
        <v>144</v>
      </c>
      <c r="K43" s="19">
        <v>177</v>
      </c>
    </row>
    <row r="44" spans="1:11" ht="15" customHeight="1">
      <c r="A44" s="17" t="s">
        <v>85</v>
      </c>
      <c r="B44" s="17"/>
      <c r="C44" s="13">
        <v>338</v>
      </c>
      <c r="D44" s="19">
        <v>184</v>
      </c>
      <c r="E44" s="19">
        <v>154</v>
      </c>
      <c r="F44" s="19"/>
      <c r="G44" s="18" t="s">
        <v>86</v>
      </c>
      <c r="H44" s="17"/>
      <c r="I44" s="13">
        <v>282</v>
      </c>
      <c r="J44" s="19">
        <v>146</v>
      </c>
      <c r="K44" s="19">
        <v>136</v>
      </c>
    </row>
    <row r="45" spans="1:11" ht="15" customHeight="1">
      <c r="A45" s="17" t="s">
        <v>87</v>
      </c>
      <c r="B45" s="17"/>
      <c r="C45" s="13">
        <v>378</v>
      </c>
      <c r="D45" s="19">
        <v>202</v>
      </c>
      <c r="E45" s="19">
        <v>176</v>
      </c>
      <c r="F45" s="19"/>
      <c r="G45" s="18" t="s">
        <v>88</v>
      </c>
      <c r="H45" s="17"/>
      <c r="I45" s="13">
        <v>264</v>
      </c>
      <c r="J45" s="19">
        <v>116</v>
      </c>
      <c r="K45" s="19">
        <v>148</v>
      </c>
    </row>
    <row r="46" spans="1:11" ht="15" customHeight="1">
      <c r="A46" s="17" t="s">
        <v>89</v>
      </c>
      <c r="B46" s="17"/>
      <c r="C46" s="13">
        <v>374</v>
      </c>
      <c r="D46" s="19">
        <v>203</v>
      </c>
      <c r="E46" s="19">
        <v>171</v>
      </c>
      <c r="F46" s="19"/>
      <c r="G46" s="18" t="s">
        <v>90</v>
      </c>
      <c r="H46" s="17"/>
      <c r="I46" s="13">
        <v>228</v>
      </c>
      <c r="J46" s="19">
        <v>94</v>
      </c>
      <c r="K46" s="19">
        <v>134</v>
      </c>
    </row>
    <row r="47" spans="1:11" ht="20.100000000000001" customHeight="1">
      <c r="A47" s="17" t="s">
        <v>91</v>
      </c>
      <c r="B47" s="17"/>
      <c r="C47" s="13">
        <v>2073</v>
      </c>
      <c r="D47" s="14">
        <v>1110</v>
      </c>
      <c r="E47" s="14">
        <v>963</v>
      </c>
      <c r="F47" s="14"/>
      <c r="G47" s="18" t="s">
        <v>92</v>
      </c>
      <c r="H47" s="17"/>
      <c r="I47" s="13">
        <v>758</v>
      </c>
      <c r="J47" s="14">
        <v>302</v>
      </c>
      <c r="K47" s="14">
        <v>456</v>
      </c>
    </row>
    <row r="48" spans="1:11" ht="15" customHeight="1">
      <c r="A48" s="17" t="s">
        <v>93</v>
      </c>
      <c r="B48" s="17"/>
      <c r="C48" s="13">
        <v>398</v>
      </c>
      <c r="D48" s="19">
        <v>220</v>
      </c>
      <c r="E48" s="19">
        <v>178</v>
      </c>
      <c r="F48" s="19"/>
      <c r="G48" s="18" t="s">
        <v>94</v>
      </c>
      <c r="H48" s="17"/>
      <c r="I48" s="13">
        <v>194</v>
      </c>
      <c r="J48" s="19">
        <v>87</v>
      </c>
      <c r="K48" s="19">
        <v>107</v>
      </c>
    </row>
    <row r="49" spans="1:11" ht="15" customHeight="1">
      <c r="A49" s="17" t="s">
        <v>95</v>
      </c>
      <c r="B49" s="17"/>
      <c r="C49" s="13">
        <v>421</v>
      </c>
      <c r="D49" s="19">
        <v>233</v>
      </c>
      <c r="E49" s="19">
        <v>188</v>
      </c>
      <c r="F49" s="19"/>
      <c r="G49" s="18" t="s">
        <v>96</v>
      </c>
      <c r="H49" s="17"/>
      <c r="I49" s="13">
        <v>193</v>
      </c>
      <c r="J49" s="19">
        <v>85</v>
      </c>
      <c r="K49" s="19">
        <v>108</v>
      </c>
    </row>
    <row r="50" spans="1:11" ht="15" customHeight="1">
      <c r="A50" s="17" t="s">
        <v>97</v>
      </c>
      <c r="B50" s="17"/>
      <c r="C50" s="13">
        <v>428</v>
      </c>
      <c r="D50" s="19">
        <v>218</v>
      </c>
      <c r="E50" s="19">
        <v>210</v>
      </c>
      <c r="F50" s="19"/>
      <c r="G50" s="18" t="s">
        <v>98</v>
      </c>
      <c r="H50" s="17"/>
      <c r="I50" s="13">
        <v>147</v>
      </c>
      <c r="J50" s="19">
        <v>56</v>
      </c>
      <c r="K50" s="19">
        <v>91</v>
      </c>
    </row>
    <row r="51" spans="1:11" ht="15" customHeight="1">
      <c r="A51" s="17" t="s">
        <v>99</v>
      </c>
      <c r="B51" s="17"/>
      <c r="C51" s="13">
        <v>421</v>
      </c>
      <c r="D51" s="19">
        <v>226</v>
      </c>
      <c r="E51" s="19">
        <v>195</v>
      </c>
      <c r="F51" s="19"/>
      <c r="G51" s="18" t="s">
        <v>100</v>
      </c>
      <c r="H51" s="17"/>
      <c r="I51" s="13">
        <v>120</v>
      </c>
      <c r="J51" s="19">
        <v>36</v>
      </c>
      <c r="K51" s="19">
        <v>84</v>
      </c>
    </row>
    <row r="52" spans="1:11" ht="15" customHeight="1">
      <c r="A52" s="17" t="s">
        <v>101</v>
      </c>
      <c r="B52" s="17"/>
      <c r="C52" s="13">
        <v>405</v>
      </c>
      <c r="D52" s="19">
        <v>213</v>
      </c>
      <c r="E52" s="19">
        <v>192</v>
      </c>
      <c r="F52" s="19"/>
      <c r="G52" s="18" t="s">
        <v>102</v>
      </c>
      <c r="H52" s="17"/>
      <c r="I52" s="13">
        <v>104</v>
      </c>
      <c r="J52" s="19">
        <v>38</v>
      </c>
      <c r="K52" s="19">
        <v>66</v>
      </c>
    </row>
    <row r="53" spans="1:11" ht="20.100000000000001" customHeight="1">
      <c r="A53" s="17" t="s">
        <v>103</v>
      </c>
      <c r="B53" s="17"/>
      <c r="C53" s="13">
        <v>2633</v>
      </c>
      <c r="D53" s="14">
        <v>1392</v>
      </c>
      <c r="E53" s="14">
        <v>1241</v>
      </c>
      <c r="F53" s="14"/>
      <c r="G53" s="18" t="s">
        <v>104</v>
      </c>
      <c r="H53" s="17"/>
      <c r="I53" s="13">
        <v>294</v>
      </c>
      <c r="J53" s="14">
        <v>85</v>
      </c>
      <c r="K53" s="14">
        <v>209</v>
      </c>
    </row>
    <row r="54" spans="1:11" ht="15" customHeight="1">
      <c r="A54" s="17" t="s">
        <v>105</v>
      </c>
      <c r="B54" s="17"/>
      <c r="C54" s="13">
        <v>514</v>
      </c>
      <c r="D54" s="19">
        <v>267</v>
      </c>
      <c r="E54" s="19">
        <v>247</v>
      </c>
      <c r="F54" s="19"/>
      <c r="G54" s="18" t="s">
        <v>106</v>
      </c>
      <c r="H54" s="17"/>
      <c r="I54" s="13">
        <v>68</v>
      </c>
      <c r="J54" s="19">
        <v>15</v>
      </c>
      <c r="K54" s="19">
        <v>53</v>
      </c>
    </row>
    <row r="55" spans="1:11" ht="15" customHeight="1">
      <c r="A55" s="17" t="s">
        <v>107</v>
      </c>
      <c r="B55" s="17"/>
      <c r="C55" s="13">
        <v>528</v>
      </c>
      <c r="D55" s="19">
        <v>285</v>
      </c>
      <c r="E55" s="19">
        <v>243</v>
      </c>
      <c r="F55" s="19"/>
      <c r="G55" s="18" t="s">
        <v>108</v>
      </c>
      <c r="H55" s="17"/>
      <c r="I55" s="13">
        <v>75</v>
      </c>
      <c r="J55" s="19">
        <v>25</v>
      </c>
      <c r="K55" s="19">
        <v>50</v>
      </c>
    </row>
    <row r="56" spans="1:11" ht="15" customHeight="1">
      <c r="A56" s="17" t="s">
        <v>109</v>
      </c>
      <c r="B56" s="17"/>
      <c r="C56" s="13">
        <v>486</v>
      </c>
      <c r="D56" s="19">
        <v>252</v>
      </c>
      <c r="E56" s="19">
        <v>234</v>
      </c>
      <c r="F56" s="19"/>
      <c r="G56" s="18" t="s">
        <v>110</v>
      </c>
      <c r="H56" s="17"/>
      <c r="I56" s="13">
        <v>51</v>
      </c>
      <c r="J56" s="19">
        <v>17</v>
      </c>
      <c r="K56" s="19">
        <v>34</v>
      </c>
    </row>
    <row r="57" spans="1:11" ht="15" customHeight="1">
      <c r="A57" s="17" t="s">
        <v>111</v>
      </c>
      <c r="B57" s="17"/>
      <c r="C57" s="13">
        <v>527</v>
      </c>
      <c r="D57" s="19">
        <v>267</v>
      </c>
      <c r="E57" s="19">
        <v>260</v>
      </c>
      <c r="F57" s="19"/>
      <c r="G57" s="18" t="s">
        <v>112</v>
      </c>
      <c r="H57" s="17"/>
      <c r="I57" s="13">
        <v>59</v>
      </c>
      <c r="J57" s="19">
        <v>14</v>
      </c>
      <c r="K57" s="19">
        <v>45</v>
      </c>
    </row>
    <row r="58" spans="1:11" ht="15" customHeight="1">
      <c r="A58" s="17" t="s">
        <v>113</v>
      </c>
      <c r="B58" s="17"/>
      <c r="C58" s="13">
        <v>578</v>
      </c>
      <c r="D58" s="19">
        <v>321</v>
      </c>
      <c r="E58" s="19">
        <v>257</v>
      </c>
      <c r="F58" s="19"/>
      <c r="G58" s="18" t="s">
        <v>114</v>
      </c>
      <c r="H58" s="17"/>
      <c r="I58" s="13">
        <v>41</v>
      </c>
      <c r="J58" s="19">
        <v>14</v>
      </c>
      <c r="K58" s="19">
        <v>27</v>
      </c>
    </row>
    <row r="59" spans="1:11" ht="20.100000000000001" customHeight="1">
      <c r="A59" s="17" t="s">
        <v>115</v>
      </c>
      <c r="B59" s="17"/>
      <c r="C59" s="13">
        <v>3168</v>
      </c>
      <c r="D59" s="14">
        <v>1753</v>
      </c>
      <c r="E59" s="14">
        <v>1415</v>
      </c>
      <c r="F59" s="14"/>
      <c r="G59" s="18" t="s">
        <v>116</v>
      </c>
      <c r="H59" s="17"/>
      <c r="I59" s="13">
        <v>69</v>
      </c>
      <c r="J59" s="14">
        <v>18</v>
      </c>
      <c r="K59" s="14">
        <v>51</v>
      </c>
    </row>
    <row r="60" spans="1:11" ht="15" customHeight="1">
      <c r="A60" s="17" t="s">
        <v>117</v>
      </c>
      <c r="B60" s="17"/>
      <c r="C60" s="13">
        <v>675</v>
      </c>
      <c r="D60" s="19">
        <v>385</v>
      </c>
      <c r="E60" s="19">
        <v>290</v>
      </c>
      <c r="F60" s="19"/>
      <c r="G60" s="18" t="s">
        <v>118</v>
      </c>
      <c r="H60" s="17"/>
      <c r="I60" s="13">
        <v>24</v>
      </c>
      <c r="J60" s="19">
        <v>7</v>
      </c>
      <c r="K60" s="19">
        <v>17</v>
      </c>
    </row>
    <row r="61" spans="1:11" ht="15" customHeight="1">
      <c r="A61" s="17" t="s">
        <v>119</v>
      </c>
      <c r="B61" s="17"/>
      <c r="C61" s="13">
        <v>646</v>
      </c>
      <c r="D61" s="19">
        <v>354</v>
      </c>
      <c r="E61" s="19">
        <v>292</v>
      </c>
      <c r="F61" s="19"/>
      <c r="G61" s="18" t="s">
        <v>120</v>
      </c>
      <c r="H61" s="17"/>
      <c r="I61" s="13">
        <v>20</v>
      </c>
      <c r="J61" s="19">
        <v>9</v>
      </c>
      <c r="K61" s="19">
        <v>11</v>
      </c>
    </row>
    <row r="62" spans="1:11" ht="15" customHeight="1">
      <c r="A62" s="17" t="s">
        <v>121</v>
      </c>
      <c r="B62" s="17"/>
      <c r="C62" s="13">
        <v>621</v>
      </c>
      <c r="D62" s="19">
        <v>340</v>
      </c>
      <c r="E62" s="19">
        <v>281</v>
      </c>
      <c r="F62" s="19"/>
      <c r="G62" s="18" t="s">
        <v>122</v>
      </c>
      <c r="H62" s="17"/>
      <c r="I62" s="13">
        <v>10</v>
      </c>
      <c r="J62" s="19">
        <v>1</v>
      </c>
      <c r="K62" s="19">
        <v>9</v>
      </c>
    </row>
    <row r="63" spans="1:11" ht="15" customHeight="1">
      <c r="A63" s="17" t="s">
        <v>123</v>
      </c>
      <c r="B63" s="17"/>
      <c r="C63" s="13">
        <v>634</v>
      </c>
      <c r="D63" s="19">
        <v>352</v>
      </c>
      <c r="E63" s="19">
        <v>282</v>
      </c>
      <c r="F63" s="19"/>
      <c r="G63" s="18" t="s">
        <v>124</v>
      </c>
      <c r="H63" s="17"/>
      <c r="I63" s="13">
        <v>12</v>
      </c>
      <c r="J63" s="19">
        <v>1</v>
      </c>
      <c r="K63" s="19">
        <v>11</v>
      </c>
    </row>
    <row r="64" spans="1:11" ht="15" customHeight="1">
      <c r="A64" s="17" t="s">
        <v>125</v>
      </c>
      <c r="B64" s="17"/>
      <c r="C64" s="13">
        <v>592</v>
      </c>
      <c r="D64" s="19">
        <v>322</v>
      </c>
      <c r="E64" s="19">
        <v>270</v>
      </c>
      <c r="F64" s="19"/>
      <c r="G64" s="18" t="s">
        <v>126</v>
      </c>
      <c r="H64" s="17"/>
      <c r="I64" s="13">
        <v>3</v>
      </c>
      <c r="J64" s="19">
        <v>0</v>
      </c>
      <c r="K64" s="19">
        <v>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</v>
      </c>
      <c r="J65" s="19">
        <v>1</v>
      </c>
      <c r="K65" s="19">
        <v>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68</v>
      </c>
      <c r="J66" s="29">
        <v>507</v>
      </c>
      <c r="K66" s="29">
        <v>36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5" pageOrder="overThenDown" orientation="portrait" blackAndWhite="1" useFirstPageNumber="1" horizontalDpi="300" verticalDpi="300"/>
  <headerFooter scaleWithDoc="0"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34</v>
      </c>
      <c r="D4" s="14">
        <v>1599</v>
      </c>
      <c r="E4" s="14">
        <v>153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5</v>
      </c>
      <c r="D5" s="14">
        <v>36</v>
      </c>
      <c r="E5" s="14">
        <v>49</v>
      </c>
      <c r="F5" s="14"/>
      <c r="G5" s="18" t="s">
        <v>8</v>
      </c>
      <c r="H5" s="17"/>
      <c r="I5" s="13">
        <v>188</v>
      </c>
      <c r="J5" s="14">
        <v>94</v>
      </c>
      <c r="K5" s="14">
        <v>94</v>
      </c>
    </row>
    <row r="6" spans="1:11" ht="15" customHeight="1">
      <c r="A6" s="17" t="s">
        <v>9</v>
      </c>
      <c r="B6" s="17"/>
      <c r="C6" s="13">
        <v>16</v>
      </c>
      <c r="D6" s="19">
        <v>6</v>
      </c>
      <c r="E6" s="19">
        <v>10</v>
      </c>
      <c r="F6" s="19"/>
      <c r="G6" s="18" t="s">
        <v>10</v>
      </c>
      <c r="H6" s="17"/>
      <c r="I6" s="13">
        <v>49</v>
      </c>
      <c r="J6" s="19">
        <v>27</v>
      </c>
      <c r="K6" s="19">
        <v>22</v>
      </c>
    </row>
    <row r="7" spans="1:11" ht="15" customHeight="1">
      <c r="A7" s="17" t="s">
        <v>11</v>
      </c>
      <c r="B7" s="17"/>
      <c r="C7" s="13">
        <v>23</v>
      </c>
      <c r="D7" s="19">
        <v>11</v>
      </c>
      <c r="E7" s="19">
        <v>12</v>
      </c>
      <c r="F7" s="19"/>
      <c r="G7" s="18" t="s">
        <v>12</v>
      </c>
      <c r="H7" s="17"/>
      <c r="I7" s="13">
        <v>36</v>
      </c>
      <c r="J7" s="19">
        <v>20</v>
      </c>
      <c r="K7" s="19">
        <v>16</v>
      </c>
    </row>
    <row r="8" spans="1:11" ht="15" customHeight="1">
      <c r="A8" s="17" t="s">
        <v>13</v>
      </c>
      <c r="B8" s="17"/>
      <c r="C8" s="13">
        <v>17</v>
      </c>
      <c r="D8" s="19">
        <v>8</v>
      </c>
      <c r="E8" s="19">
        <v>9</v>
      </c>
      <c r="F8" s="19"/>
      <c r="G8" s="18" t="s">
        <v>14</v>
      </c>
      <c r="H8" s="17"/>
      <c r="I8" s="13">
        <v>26</v>
      </c>
      <c r="J8" s="19">
        <v>12</v>
      </c>
      <c r="K8" s="19">
        <v>14</v>
      </c>
    </row>
    <row r="9" spans="1:11" ht="15" customHeight="1">
      <c r="A9" s="17" t="s">
        <v>15</v>
      </c>
      <c r="B9" s="17"/>
      <c r="C9" s="13">
        <v>14</v>
      </c>
      <c r="D9" s="19">
        <v>6</v>
      </c>
      <c r="E9" s="19">
        <v>8</v>
      </c>
      <c r="F9" s="19"/>
      <c r="G9" s="18" t="s">
        <v>16</v>
      </c>
      <c r="H9" s="17"/>
      <c r="I9" s="13">
        <v>42</v>
      </c>
      <c r="J9" s="19">
        <v>19</v>
      </c>
      <c r="K9" s="19">
        <v>23</v>
      </c>
    </row>
    <row r="10" spans="1:11" ht="15" customHeight="1">
      <c r="A10" s="17" t="s">
        <v>17</v>
      </c>
      <c r="B10" s="17"/>
      <c r="C10" s="13">
        <v>15</v>
      </c>
      <c r="D10" s="19">
        <v>5</v>
      </c>
      <c r="E10" s="19">
        <v>10</v>
      </c>
      <c r="F10" s="19"/>
      <c r="G10" s="18" t="s">
        <v>18</v>
      </c>
      <c r="H10" s="17"/>
      <c r="I10" s="13">
        <v>35</v>
      </c>
      <c r="J10" s="19">
        <v>16</v>
      </c>
      <c r="K10" s="19">
        <v>19</v>
      </c>
    </row>
    <row r="11" spans="1:11" ht="20.100000000000001" customHeight="1">
      <c r="A11" s="17" t="s">
        <v>19</v>
      </c>
      <c r="B11" s="17"/>
      <c r="C11" s="13">
        <v>103</v>
      </c>
      <c r="D11" s="14">
        <v>51</v>
      </c>
      <c r="E11" s="14">
        <v>52</v>
      </c>
      <c r="F11" s="14"/>
      <c r="G11" s="18" t="s">
        <v>20</v>
      </c>
      <c r="H11" s="17"/>
      <c r="I11" s="13">
        <v>200</v>
      </c>
      <c r="J11" s="14">
        <v>92</v>
      </c>
      <c r="K11" s="14">
        <v>108</v>
      </c>
    </row>
    <row r="12" spans="1:11" ht="15" customHeight="1">
      <c r="A12" s="17" t="s">
        <v>21</v>
      </c>
      <c r="B12" s="17"/>
      <c r="C12" s="13">
        <v>11</v>
      </c>
      <c r="D12" s="19">
        <v>4</v>
      </c>
      <c r="E12" s="19">
        <v>7</v>
      </c>
      <c r="F12" s="19"/>
      <c r="G12" s="18" t="s">
        <v>22</v>
      </c>
      <c r="H12" s="17"/>
      <c r="I12" s="13">
        <v>41</v>
      </c>
      <c r="J12" s="19">
        <v>20</v>
      </c>
      <c r="K12" s="19">
        <v>21</v>
      </c>
    </row>
    <row r="13" spans="1:11" ht="15" customHeight="1">
      <c r="A13" s="17" t="s">
        <v>23</v>
      </c>
      <c r="B13" s="17"/>
      <c r="C13" s="13">
        <v>24</v>
      </c>
      <c r="D13" s="19">
        <v>11</v>
      </c>
      <c r="E13" s="19">
        <v>13</v>
      </c>
      <c r="F13" s="19"/>
      <c r="G13" s="18" t="s">
        <v>24</v>
      </c>
      <c r="H13" s="17"/>
      <c r="I13" s="13">
        <v>43</v>
      </c>
      <c r="J13" s="19">
        <v>23</v>
      </c>
      <c r="K13" s="19">
        <v>20</v>
      </c>
    </row>
    <row r="14" spans="1:11" ht="15" customHeight="1">
      <c r="A14" s="17" t="s">
        <v>25</v>
      </c>
      <c r="B14" s="17"/>
      <c r="C14" s="13">
        <v>22</v>
      </c>
      <c r="D14" s="19">
        <v>14</v>
      </c>
      <c r="E14" s="19">
        <v>8</v>
      </c>
      <c r="F14" s="19"/>
      <c r="G14" s="18" t="s">
        <v>26</v>
      </c>
      <c r="H14" s="17"/>
      <c r="I14" s="13">
        <v>34</v>
      </c>
      <c r="J14" s="19">
        <v>13</v>
      </c>
      <c r="K14" s="19">
        <v>21</v>
      </c>
    </row>
    <row r="15" spans="1:11" ht="15" customHeight="1">
      <c r="A15" s="17" t="s">
        <v>27</v>
      </c>
      <c r="B15" s="17"/>
      <c r="C15" s="13">
        <v>17</v>
      </c>
      <c r="D15" s="19">
        <v>7</v>
      </c>
      <c r="E15" s="19">
        <v>10</v>
      </c>
      <c r="F15" s="19"/>
      <c r="G15" s="18" t="s">
        <v>28</v>
      </c>
      <c r="H15" s="17"/>
      <c r="I15" s="13">
        <v>46</v>
      </c>
      <c r="J15" s="19">
        <v>23</v>
      </c>
      <c r="K15" s="19">
        <v>23</v>
      </c>
    </row>
    <row r="16" spans="1:11" ht="15" customHeight="1">
      <c r="A16" s="17" t="s">
        <v>29</v>
      </c>
      <c r="B16" s="17"/>
      <c r="C16" s="13">
        <v>29</v>
      </c>
      <c r="D16" s="19">
        <v>15</v>
      </c>
      <c r="E16" s="19">
        <v>14</v>
      </c>
      <c r="F16" s="19"/>
      <c r="G16" s="18" t="s">
        <v>30</v>
      </c>
      <c r="H16" s="17"/>
      <c r="I16" s="13">
        <v>36</v>
      </c>
      <c r="J16" s="19">
        <v>13</v>
      </c>
      <c r="K16" s="19">
        <v>23</v>
      </c>
    </row>
    <row r="17" spans="1:11" ht="20.100000000000001" customHeight="1">
      <c r="A17" s="20" t="s">
        <v>31</v>
      </c>
      <c r="B17" s="20"/>
      <c r="C17" s="13">
        <v>125</v>
      </c>
      <c r="D17" s="14">
        <v>64</v>
      </c>
      <c r="E17" s="14">
        <v>61</v>
      </c>
      <c r="F17" s="14"/>
      <c r="G17" s="18" t="s">
        <v>32</v>
      </c>
      <c r="H17" s="17"/>
      <c r="I17" s="13">
        <v>268</v>
      </c>
      <c r="J17" s="14">
        <v>152</v>
      </c>
      <c r="K17" s="14">
        <v>116</v>
      </c>
    </row>
    <row r="18" spans="1:11" ht="15" customHeight="1">
      <c r="A18" s="17" t="s">
        <v>33</v>
      </c>
      <c r="B18" s="17"/>
      <c r="C18" s="13">
        <v>30</v>
      </c>
      <c r="D18" s="19">
        <v>13</v>
      </c>
      <c r="E18" s="19">
        <v>17</v>
      </c>
      <c r="F18" s="19"/>
      <c r="G18" s="18" t="s">
        <v>34</v>
      </c>
      <c r="H18" s="17"/>
      <c r="I18" s="13">
        <v>44</v>
      </c>
      <c r="J18" s="19">
        <v>25</v>
      </c>
      <c r="K18" s="19">
        <v>19</v>
      </c>
    </row>
    <row r="19" spans="1:11" ht="15" customHeight="1">
      <c r="A19" s="17" t="s">
        <v>35</v>
      </c>
      <c r="B19" s="17"/>
      <c r="C19" s="13">
        <v>23</v>
      </c>
      <c r="D19" s="19">
        <v>13</v>
      </c>
      <c r="E19" s="19">
        <v>10</v>
      </c>
      <c r="F19" s="19"/>
      <c r="G19" s="18" t="s">
        <v>36</v>
      </c>
      <c r="H19" s="17"/>
      <c r="I19" s="13">
        <v>41</v>
      </c>
      <c r="J19" s="19">
        <v>17</v>
      </c>
      <c r="K19" s="19">
        <v>24</v>
      </c>
    </row>
    <row r="20" spans="1:11" ht="15" customHeight="1">
      <c r="A20" s="17" t="s">
        <v>37</v>
      </c>
      <c r="B20" s="17"/>
      <c r="C20" s="13">
        <v>28</v>
      </c>
      <c r="D20" s="19">
        <v>12</v>
      </c>
      <c r="E20" s="19">
        <v>16</v>
      </c>
      <c r="F20" s="19"/>
      <c r="G20" s="18" t="s">
        <v>38</v>
      </c>
      <c r="H20" s="17"/>
      <c r="I20" s="13">
        <v>54</v>
      </c>
      <c r="J20" s="19">
        <v>32</v>
      </c>
      <c r="K20" s="19">
        <v>22</v>
      </c>
    </row>
    <row r="21" spans="1:11" ht="15" customHeight="1">
      <c r="A21" s="17" t="s">
        <v>39</v>
      </c>
      <c r="B21" s="17"/>
      <c r="C21" s="13">
        <v>15</v>
      </c>
      <c r="D21" s="19">
        <v>7</v>
      </c>
      <c r="E21" s="19">
        <v>8</v>
      </c>
      <c r="F21" s="19"/>
      <c r="G21" s="18" t="s">
        <v>40</v>
      </c>
      <c r="H21" s="17"/>
      <c r="I21" s="13">
        <v>73</v>
      </c>
      <c r="J21" s="19">
        <v>50</v>
      </c>
      <c r="K21" s="19">
        <v>23</v>
      </c>
    </row>
    <row r="22" spans="1:11" ht="15" customHeight="1">
      <c r="A22" s="17" t="s">
        <v>41</v>
      </c>
      <c r="B22" s="17"/>
      <c r="C22" s="13">
        <v>29</v>
      </c>
      <c r="D22" s="19">
        <v>19</v>
      </c>
      <c r="E22" s="19">
        <v>10</v>
      </c>
      <c r="F22" s="19"/>
      <c r="G22" s="18" t="s">
        <v>42</v>
      </c>
      <c r="H22" s="17"/>
      <c r="I22" s="13">
        <v>56</v>
      </c>
      <c r="J22" s="19">
        <v>28</v>
      </c>
      <c r="K22" s="19">
        <v>28</v>
      </c>
    </row>
    <row r="23" spans="1:11" ht="20.100000000000001" customHeight="1">
      <c r="A23" s="17" t="s">
        <v>43</v>
      </c>
      <c r="B23" s="17"/>
      <c r="C23" s="13">
        <v>113</v>
      </c>
      <c r="D23" s="14">
        <v>63</v>
      </c>
      <c r="E23" s="14">
        <v>50</v>
      </c>
      <c r="F23" s="14"/>
      <c r="G23" s="18" t="s">
        <v>44</v>
      </c>
      <c r="H23" s="17"/>
      <c r="I23" s="13">
        <v>329</v>
      </c>
      <c r="J23" s="14">
        <v>149</v>
      </c>
      <c r="K23" s="14">
        <v>180</v>
      </c>
    </row>
    <row r="24" spans="1:11" ht="15" customHeight="1">
      <c r="A24" s="17" t="s">
        <v>45</v>
      </c>
      <c r="B24" s="17"/>
      <c r="C24" s="13">
        <v>21</v>
      </c>
      <c r="D24" s="19">
        <v>14</v>
      </c>
      <c r="E24" s="19">
        <v>7</v>
      </c>
      <c r="F24" s="19"/>
      <c r="G24" s="18" t="s">
        <v>46</v>
      </c>
      <c r="H24" s="17"/>
      <c r="I24" s="13">
        <v>58</v>
      </c>
      <c r="J24" s="19">
        <v>25</v>
      </c>
      <c r="K24" s="19">
        <v>33</v>
      </c>
    </row>
    <row r="25" spans="1:11" ht="15" customHeight="1">
      <c r="A25" s="17" t="s">
        <v>47</v>
      </c>
      <c r="B25" s="17"/>
      <c r="C25" s="13">
        <v>25</v>
      </c>
      <c r="D25" s="19">
        <v>15</v>
      </c>
      <c r="E25" s="19">
        <v>10</v>
      </c>
      <c r="F25" s="19"/>
      <c r="G25" s="18" t="s">
        <v>48</v>
      </c>
      <c r="H25" s="17"/>
      <c r="I25" s="13">
        <v>57</v>
      </c>
      <c r="J25" s="19">
        <v>32</v>
      </c>
      <c r="K25" s="19">
        <v>25</v>
      </c>
    </row>
    <row r="26" spans="1:11" ht="15" customHeight="1">
      <c r="A26" s="17" t="s">
        <v>49</v>
      </c>
      <c r="B26" s="17"/>
      <c r="C26" s="13">
        <v>26</v>
      </c>
      <c r="D26" s="19">
        <v>11</v>
      </c>
      <c r="E26" s="19">
        <v>15</v>
      </c>
      <c r="F26" s="19"/>
      <c r="G26" s="18" t="s">
        <v>50</v>
      </c>
      <c r="H26" s="17"/>
      <c r="I26" s="13">
        <v>68</v>
      </c>
      <c r="J26" s="19">
        <v>30</v>
      </c>
      <c r="K26" s="19">
        <v>38</v>
      </c>
    </row>
    <row r="27" spans="1:11" ht="15" customHeight="1">
      <c r="A27" s="17" t="s">
        <v>51</v>
      </c>
      <c r="B27" s="17"/>
      <c r="C27" s="13">
        <v>23</v>
      </c>
      <c r="D27" s="19">
        <v>15</v>
      </c>
      <c r="E27" s="19">
        <v>8</v>
      </c>
      <c r="F27" s="19"/>
      <c r="G27" s="18" t="s">
        <v>52</v>
      </c>
      <c r="H27" s="17"/>
      <c r="I27" s="13">
        <v>74</v>
      </c>
      <c r="J27" s="19">
        <v>31</v>
      </c>
      <c r="K27" s="19">
        <v>43</v>
      </c>
    </row>
    <row r="28" spans="1:11" ht="15" customHeight="1">
      <c r="A28" s="17" t="s">
        <v>53</v>
      </c>
      <c r="B28" s="17"/>
      <c r="C28" s="13">
        <v>18</v>
      </c>
      <c r="D28" s="19">
        <v>8</v>
      </c>
      <c r="E28" s="19">
        <v>10</v>
      </c>
      <c r="F28" s="19"/>
      <c r="G28" s="18" t="s">
        <v>54</v>
      </c>
      <c r="H28" s="17"/>
      <c r="I28" s="13">
        <v>72</v>
      </c>
      <c r="J28" s="19">
        <v>31</v>
      </c>
      <c r="K28" s="19">
        <v>41</v>
      </c>
    </row>
    <row r="29" spans="1:11" ht="20.100000000000001" customHeight="1">
      <c r="A29" s="17" t="s">
        <v>55</v>
      </c>
      <c r="B29" s="17"/>
      <c r="C29" s="13">
        <v>96</v>
      </c>
      <c r="D29" s="14">
        <v>59</v>
      </c>
      <c r="E29" s="14">
        <v>37</v>
      </c>
      <c r="F29" s="14"/>
      <c r="G29" s="18" t="s">
        <v>56</v>
      </c>
      <c r="H29" s="17"/>
      <c r="I29" s="13">
        <v>292</v>
      </c>
      <c r="J29" s="14">
        <v>156</v>
      </c>
      <c r="K29" s="14">
        <v>136</v>
      </c>
    </row>
    <row r="30" spans="1:11" ht="15" customHeight="1">
      <c r="A30" s="17" t="s">
        <v>57</v>
      </c>
      <c r="B30" s="17"/>
      <c r="C30" s="13">
        <v>28</v>
      </c>
      <c r="D30" s="19">
        <v>19</v>
      </c>
      <c r="E30" s="19">
        <v>9</v>
      </c>
      <c r="F30" s="19"/>
      <c r="G30" s="18" t="s">
        <v>58</v>
      </c>
      <c r="H30" s="17"/>
      <c r="I30" s="13">
        <v>83</v>
      </c>
      <c r="J30" s="19">
        <v>46</v>
      </c>
      <c r="K30" s="19">
        <v>37</v>
      </c>
    </row>
    <row r="31" spans="1:11" ht="15" customHeight="1">
      <c r="A31" s="17" t="s">
        <v>59</v>
      </c>
      <c r="B31" s="17"/>
      <c r="C31" s="13">
        <v>18</v>
      </c>
      <c r="D31" s="19">
        <v>11</v>
      </c>
      <c r="E31" s="19">
        <v>7</v>
      </c>
      <c r="F31" s="19"/>
      <c r="G31" s="18" t="s">
        <v>60</v>
      </c>
      <c r="H31" s="17"/>
      <c r="I31" s="13">
        <v>71</v>
      </c>
      <c r="J31" s="19">
        <v>39</v>
      </c>
      <c r="K31" s="19">
        <v>32</v>
      </c>
    </row>
    <row r="32" spans="1:11" ht="15" customHeight="1">
      <c r="A32" s="17" t="s">
        <v>61</v>
      </c>
      <c r="B32" s="17"/>
      <c r="C32" s="13">
        <v>23</v>
      </c>
      <c r="D32" s="19">
        <v>14</v>
      </c>
      <c r="E32" s="19">
        <v>9</v>
      </c>
      <c r="F32" s="19"/>
      <c r="G32" s="18" t="s">
        <v>62</v>
      </c>
      <c r="H32" s="17"/>
      <c r="I32" s="13">
        <v>45</v>
      </c>
      <c r="J32" s="19">
        <v>26</v>
      </c>
      <c r="K32" s="19">
        <v>19</v>
      </c>
    </row>
    <row r="33" spans="1:11" ht="15" customHeight="1">
      <c r="A33" s="17" t="s">
        <v>63</v>
      </c>
      <c r="B33" s="17"/>
      <c r="C33" s="13">
        <v>12</v>
      </c>
      <c r="D33" s="19">
        <v>6</v>
      </c>
      <c r="E33" s="19">
        <v>6</v>
      </c>
      <c r="F33" s="19"/>
      <c r="G33" s="18" t="s">
        <v>64</v>
      </c>
      <c r="H33" s="17"/>
      <c r="I33" s="13">
        <v>42</v>
      </c>
      <c r="J33" s="19">
        <v>19</v>
      </c>
      <c r="K33" s="19">
        <v>23</v>
      </c>
    </row>
    <row r="34" spans="1:11" ht="15" customHeight="1">
      <c r="A34" s="17" t="s">
        <v>65</v>
      </c>
      <c r="B34" s="17"/>
      <c r="C34" s="13">
        <v>15</v>
      </c>
      <c r="D34" s="19">
        <v>9</v>
      </c>
      <c r="E34" s="19">
        <v>6</v>
      </c>
      <c r="F34" s="19"/>
      <c r="G34" s="18" t="s">
        <v>66</v>
      </c>
      <c r="H34" s="17"/>
      <c r="I34" s="13">
        <v>51</v>
      </c>
      <c r="J34" s="19">
        <v>26</v>
      </c>
      <c r="K34" s="19">
        <v>25</v>
      </c>
    </row>
    <row r="35" spans="1:11" ht="20.100000000000001" customHeight="1">
      <c r="A35" s="17" t="s">
        <v>67</v>
      </c>
      <c r="B35" s="17"/>
      <c r="C35" s="13">
        <v>92</v>
      </c>
      <c r="D35" s="14">
        <v>49</v>
      </c>
      <c r="E35" s="14">
        <v>43</v>
      </c>
      <c r="F35" s="14"/>
      <c r="G35" s="18" t="s">
        <v>68</v>
      </c>
      <c r="H35" s="17"/>
      <c r="I35" s="13">
        <v>213</v>
      </c>
      <c r="J35" s="14">
        <v>103</v>
      </c>
      <c r="K35" s="14">
        <v>110</v>
      </c>
    </row>
    <row r="36" spans="1:11" ht="15" customHeight="1">
      <c r="A36" s="17" t="s">
        <v>69</v>
      </c>
      <c r="B36" s="17"/>
      <c r="C36" s="13">
        <v>18</v>
      </c>
      <c r="D36" s="19">
        <v>8</v>
      </c>
      <c r="E36" s="19">
        <v>10</v>
      </c>
      <c r="F36" s="19"/>
      <c r="G36" s="18" t="s">
        <v>70</v>
      </c>
      <c r="H36" s="17"/>
      <c r="I36" s="13">
        <v>48</v>
      </c>
      <c r="J36" s="19">
        <v>28</v>
      </c>
      <c r="K36" s="19">
        <v>20</v>
      </c>
    </row>
    <row r="37" spans="1:11" ht="15" customHeight="1">
      <c r="A37" s="17" t="s">
        <v>71</v>
      </c>
      <c r="B37" s="17"/>
      <c r="C37" s="13">
        <v>17</v>
      </c>
      <c r="D37" s="19">
        <v>10</v>
      </c>
      <c r="E37" s="19">
        <v>7</v>
      </c>
      <c r="F37" s="19"/>
      <c r="G37" s="18" t="s">
        <v>72</v>
      </c>
      <c r="H37" s="17"/>
      <c r="I37" s="13">
        <v>53</v>
      </c>
      <c r="J37" s="19">
        <v>28</v>
      </c>
      <c r="K37" s="19">
        <v>25</v>
      </c>
    </row>
    <row r="38" spans="1:11" ht="15" customHeight="1">
      <c r="A38" s="17" t="s">
        <v>73</v>
      </c>
      <c r="B38" s="17"/>
      <c r="C38" s="13">
        <v>21</v>
      </c>
      <c r="D38" s="19">
        <v>11</v>
      </c>
      <c r="E38" s="19">
        <v>10</v>
      </c>
      <c r="F38" s="19"/>
      <c r="G38" s="18" t="s">
        <v>74</v>
      </c>
      <c r="H38" s="17"/>
      <c r="I38" s="13">
        <v>37</v>
      </c>
      <c r="J38" s="19">
        <v>14</v>
      </c>
      <c r="K38" s="19">
        <v>23</v>
      </c>
    </row>
    <row r="39" spans="1:11" ht="15" customHeight="1">
      <c r="A39" s="17" t="s">
        <v>75</v>
      </c>
      <c r="B39" s="17"/>
      <c r="C39" s="13">
        <v>20</v>
      </c>
      <c r="D39" s="19">
        <v>10</v>
      </c>
      <c r="E39" s="19">
        <v>10</v>
      </c>
      <c r="F39" s="19"/>
      <c r="G39" s="18" t="s">
        <v>76</v>
      </c>
      <c r="H39" s="17"/>
      <c r="I39" s="13">
        <v>39</v>
      </c>
      <c r="J39" s="19">
        <v>15</v>
      </c>
      <c r="K39" s="19">
        <v>24</v>
      </c>
    </row>
    <row r="40" spans="1:11" ht="15" customHeight="1">
      <c r="A40" s="17" t="s">
        <v>77</v>
      </c>
      <c r="B40" s="17"/>
      <c r="C40" s="13">
        <v>16</v>
      </c>
      <c r="D40" s="19">
        <v>10</v>
      </c>
      <c r="E40" s="19">
        <v>6</v>
      </c>
      <c r="F40" s="19"/>
      <c r="G40" s="18" t="s">
        <v>78</v>
      </c>
      <c r="H40" s="17"/>
      <c r="I40" s="13">
        <v>36</v>
      </c>
      <c r="J40" s="19">
        <v>18</v>
      </c>
      <c r="K40" s="19">
        <v>18</v>
      </c>
    </row>
    <row r="41" spans="1:11" ht="20.100000000000001" customHeight="1">
      <c r="A41" s="17" t="s">
        <v>79</v>
      </c>
      <c r="B41" s="17"/>
      <c r="C41" s="13">
        <v>135</v>
      </c>
      <c r="D41" s="14">
        <v>74</v>
      </c>
      <c r="E41" s="14">
        <v>61</v>
      </c>
      <c r="F41" s="14"/>
      <c r="G41" s="18" t="s">
        <v>80</v>
      </c>
      <c r="H41" s="17"/>
      <c r="I41" s="13">
        <v>155</v>
      </c>
      <c r="J41" s="14">
        <v>75</v>
      </c>
      <c r="K41" s="14">
        <v>80</v>
      </c>
    </row>
    <row r="42" spans="1:11" ht="15" customHeight="1">
      <c r="A42" s="17" t="s">
        <v>81</v>
      </c>
      <c r="B42" s="17"/>
      <c r="C42" s="13">
        <v>27</v>
      </c>
      <c r="D42" s="19">
        <v>13</v>
      </c>
      <c r="E42" s="19">
        <v>14</v>
      </c>
      <c r="F42" s="19"/>
      <c r="G42" s="18" t="s">
        <v>82</v>
      </c>
      <c r="H42" s="17"/>
      <c r="I42" s="13">
        <v>31</v>
      </c>
      <c r="J42" s="19">
        <v>18</v>
      </c>
      <c r="K42" s="19">
        <v>13</v>
      </c>
    </row>
    <row r="43" spans="1:11" ht="15" customHeight="1">
      <c r="A43" s="17" t="s">
        <v>83</v>
      </c>
      <c r="B43" s="17"/>
      <c r="C43" s="13">
        <v>21</v>
      </c>
      <c r="D43" s="19">
        <v>13</v>
      </c>
      <c r="E43" s="19">
        <v>8</v>
      </c>
      <c r="F43" s="19"/>
      <c r="G43" s="18" t="s">
        <v>84</v>
      </c>
      <c r="H43" s="17"/>
      <c r="I43" s="13">
        <v>29</v>
      </c>
      <c r="J43" s="19">
        <v>16</v>
      </c>
      <c r="K43" s="19">
        <v>13</v>
      </c>
    </row>
    <row r="44" spans="1:11" ht="15" customHeight="1">
      <c r="A44" s="17" t="s">
        <v>85</v>
      </c>
      <c r="B44" s="17"/>
      <c r="C44" s="13">
        <v>20</v>
      </c>
      <c r="D44" s="19">
        <v>11</v>
      </c>
      <c r="E44" s="19">
        <v>9</v>
      </c>
      <c r="F44" s="19"/>
      <c r="G44" s="18" t="s">
        <v>86</v>
      </c>
      <c r="H44" s="17"/>
      <c r="I44" s="13">
        <v>42</v>
      </c>
      <c r="J44" s="19">
        <v>17</v>
      </c>
      <c r="K44" s="19">
        <v>25</v>
      </c>
    </row>
    <row r="45" spans="1:11" ht="15" customHeight="1">
      <c r="A45" s="17" t="s">
        <v>87</v>
      </c>
      <c r="B45" s="17"/>
      <c r="C45" s="13">
        <v>27</v>
      </c>
      <c r="D45" s="19">
        <v>15</v>
      </c>
      <c r="E45" s="19">
        <v>12</v>
      </c>
      <c r="F45" s="19"/>
      <c r="G45" s="18" t="s">
        <v>88</v>
      </c>
      <c r="H45" s="17"/>
      <c r="I45" s="13">
        <v>33</v>
      </c>
      <c r="J45" s="19">
        <v>17</v>
      </c>
      <c r="K45" s="19">
        <v>16</v>
      </c>
    </row>
    <row r="46" spans="1:11" ht="15" customHeight="1">
      <c r="A46" s="17" t="s">
        <v>89</v>
      </c>
      <c r="B46" s="17"/>
      <c r="C46" s="13">
        <v>40</v>
      </c>
      <c r="D46" s="19">
        <v>22</v>
      </c>
      <c r="E46" s="19">
        <v>18</v>
      </c>
      <c r="F46" s="19"/>
      <c r="G46" s="18" t="s">
        <v>90</v>
      </c>
      <c r="H46" s="17"/>
      <c r="I46" s="13">
        <v>20</v>
      </c>
      <c r="J46" s="19">
        <v>7</v>
      </c>
      <c r="K46" s="19">
        <v>13</v>
      </c>
    </row>
    <row r="47" spans="1:11" ht="20.100000000000001" customHeight="1">
      <c r="A47" s="17" t="s">
        <v>91</v>
      </c>
      <c r="B47" s="17"/>
      <c r="C47" s="13">
        <v>150</v>
      </c>
      <c r="D47" s="14">
        <v>79</v>
      </c>
      <c r="E47" s="14">
        <v>71</v>
      </c>
      <c r="F47" s="14"/>
      <c r="G47" s="18" t="s">
        <v>92</v>
      </c>
      <c r="H47" s="17"/>
      <c r="I47" s="13">
        <v>78</v>
      </c>
      <c r="J47" s="14">
        <v>32</v>
      </c>
      <c r="K47" s="14">
        <v>46</v>
      </c>
    </row>
    <row r="48" spans="1:11" ht="15" customHeight="1">
      <c r="A48" s="17" t="s">
        <v>93</v>
      </c>
      <c r="B48" s="17"/>
      <c r="C48" s="13">
        <v>23</v>
      </c>
      <c r="D48" s="19">
        <v>15</v>
      </c>
      <c r="E48" s="19">
        <v>8</v>
      </c>
      <c r="F48" s="19"/>
      <c r="G48" s="18" t="s">
        <v>94</v>
      </c>
      <c r="H48" s="17"/>
      <c r="I48" s="13">
        <v>15</v>
      </c>
      <c r="J48" s="19">
        <v>7</v>
      </c>
      <c r="K48" s="19">
        <v>8</v>
      </c>
    </row>
    <row r="49" spans="1:11" ht="15" customHeight="1">
      <c r="A49" s="17" t="s">
        <v>95</v>
      </c>
      <c r="B49" s="17"/>
      <c r="C49" s="13">
        <v>28</v>
      </c>
      <c r="D49" s="19">
        <v>17</v>
      </c>
      <c r="E49" s="19">
        <v>11</v>
      </c>
      <c r="F49" s="19"/>
      <c r="G49" s="18" t="s">
        <v>96</v>
      </c>
      <c r="H49" s="17"/>
      <c r="I49" s="13">
        <v>18</v>
      </c>
      <c r="J49" s="19">
        <v>8</v>
      </c>
      <c r="K49" s="19">
        <v>10</v>
      </c>
    </row>
    <row r="50" spans="1:11" ht="15" customHeight="1">
      <c r="A50" s="17" t="s">
        <v>97</v>
      </c>
      <c r="B50" s="17"/>
      <c r="C50" s="13">
        <v>33</v>
      </c>
      <c r="D50" s="19">
        <v>13</v>
      </c>
      <c r="E50" s="19">
        <v>20</v>
      </c>
      <c r="F50" s="19"/>
      <c r="G50" s="18" t="s">
        <v>98</v>
      </c>
      <c r="H50" s="17"/>
      <c r="I50" s="13">
        <v>16</v>
      </c>
      <c r="J50" s="19">
        <v>6</v>
      </c>
      <c r="K50" s="19">
        <v>10</v>
      </c>
    </row>
    <row r="51" spans="1:11" ht="15" customHeight="1">
      <c r="A51" s="17" t="s">
        <v>99</v>
      </c>
      <c r="B51" s="17"/>
      <c r="C51" s="13">
        <v>36</v>
      </c>
      <c r="D51" s="19">
        <v>17</v>
      </c>
      <c r="E51" s="19">
        <v>19</v>
      </c>
      <c r="F51" s="19"/>
      <c r="G51" s="18" t="s">
        <v>100</v>
      </c>
      <c r="H51" s="17"/>
      <c r="I51" s="13">
        <v>16</v>
      </c>
      <c r="J51" s="19">
        <v>6</v>
      </c>
      <c r="K51" s="19">
        <v>10</v>
      </c>
    </row>
    <row r="52" spans="1:11" ht="15" customHeight="1">
      <c r="A52" s="17" t="s">
        <v>101</v>
      </c>
      <c r="B52" s="17"/>
      <c r="C52" s="13">
        <v>30</v>
      </c>
      <c r="D52" s="19">
        <v>17</v>
      </c>
      <c r="E52" s="19">
        <v>13</v>
      </c>
      <c r="F52" s="19"/>
      <c r="G52" s="18" t="s">
        <v>102</v>
      </c>
      <c r="H52" s="17"/>
      <c r="I52" s="13">
        <v>13</v>
      </c>
      <c r="J52" s="19">
        <v>5</v>
      </c>
      <c r="K52" s="19">
        <v>8</v>
      </c>
    </row>
    <row r="53" spans="1:11" ht="20.100000000000001" customHeight="1">
      <c r="A53" s="17" t="s">
        <v>103</v>
      </c>
      <c r="B53" s="17"/>
      <c r="C53" s="13">
        <v>194</v>
      </c>
      <c r="D53" s="14">
        <v>110</v>
      </c>
      <c r="E53" s="14">
        <v>84</v>
      </c>
      <c r="F53" s="14"/>
      <c r="G53" s="18" t="s">
        <v>104</v>
      </c>
      <c r="H53" s="17"/>
      <c r="I53" s="13">
        <v>57</v>
      </c>
      <c r="J53" s="14">
        <v>18</v>
      </c>
      <c r="K53" s="14">
        <v>39</v>
      </c>
    </row>
    <row r="54" spans="1:11" ht="15" customHeight="1">
      <c r="A54" s="17" t="s">
        <v>105</v>
      </c>
      <c r="B54" s="17"/>
      <c r="C54" s="13">
        <v>30</v>
      </c>
      <c r="D54" s="19">
        <v>14</v>
      </c>
      <c r="E54" s="19">
        <v>16</v>
      </c>
      <c r="F54" s="19"/>
      <c r="G54" s="18" t="s">
        <v>106</v>
      </c>
      <c r="H54" s="17"/>
      <c r="I54" s="13">
        <v>15</v>
      </c>
      <c r="J54" s="19">
        <v>2</v>
      </c>
      <c r="K54" s="19">
        <v>13</v>
      </c>
    </row>
    <row r="55" spans="1:11" ht="15" customHeight="1">
      <c r="A55" s="17" t="s">
        <v>107</v>
      </c>
      <c r="B55" s="17"/>
      <c r="C55" s="13">
        <v>40</v>
      </c>
      <c r="D55" s="19">
        <v>26</v>
      </c>
      <c r="E55" s="19">
        <v>14</v>
      </c>
      <c r="F55" s="19"/>
      <c r="G55" s="18" t="s">
        <v>108</v>
      </c>
      <c r="H55" s="17"/>
      <c r="I55" s="13">
        <v>12</v>
      </c>
      <c r="J55" s="19">
        <v>6</v>
      </c>
      <c r="K55" s="19">
        <v>6</v>
      </c>
    </row>
    <row r="56" spans="1:11" ht="15" customHeight="1">
      <c r="A56" s="17" t="s">
        <v>109</v>
      </c>
      <c r="B56" s="17"/>
      <c r="C56" s="13">
        <v>47</v>
      </c>
      <c r="D56" s="19">
        <v>23</v>
      </c>
      <c r="E56" s="19">
        <v>24</v>
      </c>
      <c r="F56" s="19"/>
      <c r="G56" s="18" t="s">
        <v>110</v>
      </c>
      <c r="H56" s="17"/>
      <c r="I56" s="13">
        <v>14</v>
      </c>
      <c r="J56" s="19">
        <v>5</v>
      </c>
      <c r="K56" s="19">
        <v>9</v>
      </c>
    </row>
    <row r="57" spans="1:11" ht="15" customHeight="1">
      <c r="A57" s="17" t="s">
        <v>111</v>
      </c>
      <c r="B57" s="17"/>
      <c r="C57" s="13">
        <v>37</v>
      </c>
      <c r="D57" s="19">
        <v>24</v>
      </c>
      <c r="E57" s="19">
        <v>13</v>
      </c>
      <c r="F57" s="19"/>
      <c r="G57" s="18" t="s">
        <v>112</v>
      </c>
      <c r="H57" s="17"/>
      <c r="I57" s="13">
        <v>10</v>
      </c>
      <c r="J57" s="19">
        <v>3</v>
      </c>
      <c r="K57" s="19">
        <v>7</v>
      </c>
    </row>
    <row r="58" spans="1:11" ht="15" customHeight="1">
      <c r="A58" s="17" t="s">
        <v>113</v>
      </c>
      <c r="B58" s="17"/>
      <c r="C58" s="13">
        <v>40</v>
      </c>
      <c r="D58" s="19">
        <v>23</v>
      </c>
      <c r="E58" s="19">
        <v>17</v>
      </c>
      <c r="F58" s="19"/>
      <c r="G58" s="18" t="s">
        <v>114</v>
      </c>
      <c r="H58" s="17"/>
      <c r="I58" s="13">
        <v>6</v>
      </c>
      <c r="J58" s="19">
        <v>2</v>
      </c>
      <c r="K58" s="19">
        <v>4</v>
      </c>
    </row>
    <row r="59" spans="1:11" ht="20.100000000000001" customHeight="1">
      <c r="A59" s="17" t="s">
        <v>115</v>
      </c>
      <c r="B59" s="17"/>
      <c r="C59" s="13">
        <v>242</v>
      </c>
      <c r="D59" s="14">
        <v>137</v>
      </c>
      <c r="E59" s="14">
        <v>105</v>
      </c>
      <c r="F59" s="14"/>
      <c r="G59" s="18" t="s">
        <v>116</v>
      </c>
      <c r="H59" s="17"/>
      <c r="I59" s="13">
        <v>15</v>
      </c>
      <c r="J59" s="14">
        <v>3</v>
      </c>
      <c r="K59" s="14">
        <v>12</v>
      </c>
    </row>
    <row r="60" spans="1:11" ht="15" customHeight="1">
      <c r="A60" s="17" t="s">
        <v>117</v>
      </c>
      <c r="B60" s="17"/>
      <c r="C60" s="13">
        <v>37</v>
      </c>
      <c r="D60" s="19">
        <v>19</v>
      </c>
      <c r="E60" s="19">
        <v>18</v>
      </c>
      <c r="F60" s="19"/>
      <c r="G60" s="18" t="s">
        <v>118</v>
      </c>
      <c r="H60" s="17"/>
      <c r="I60" s="13">
        <v>3</v>
      </c>
      <c r="J60" s="19">
        <v>1</v>
      </c>
      <c r="K60" s="19">
        <v>2</v>
      </c>
    </row>
    <row r="61" spans="1:11" ht="15" customHeight="1">
      <c r="A61" s="17" t="s">
        <v>119</v>
      </c>
      <c r="B61" s="17"/>
      <c r="C61" s="13">
        <v>55</v>
      </c>
      <c r="D61" s="19">
        <v>26</v>
      </c>
      <c r="E61" s="19">
        <v>29</v>
      </c>
      <c r="F61" s="19"/>
      <c r="G61" s="18" t="s">
        <v>120</v>
      </c>
      <c r="H61" s="17"/>
      <c r="I61" s="13">
        <v>6</v>
      </c>
      <c r="J61" s="19">
        <v>0</v>
      </c>
      <c r="K61" s="19">
        <v>6</v>
      </c>
    </row>
    <row r="62" spans="1:11" ht="15" customHeight="1">
      <c r="A62" s="17" t="s">
        <v>121</v>
      </c>
      <c r="B62" s="17"/>
      <c r="C62" s="13">
        <v>63</v>
      </c>
      <c r="D62" s="19">
        <v>34</v>
      </c>
      <c r="E62" s="19">
        <v>29</v>
      </c>
      <c r="F62" s="19"/>
      <c r="G62" s="18" t="s">
        <v>122</v>
      </c>
      <c r="H62" s="17"/>
      <c r="I62" s="13">
        <v>3</v>
      </c>
      <c r="J62" s="19">
        <v>1</v>
      </c>
      <c r="K62" s="19">
        <v>2</v>
      </c>
    </row>
    <row r="63" spans="1:11" ht="15" customHeight="1">
      <c r="A63" s="17" t="s">
        <v>123</v>
      </c>
      <c r="B63" s="17"/>
      <c r="C63" s="13">
        <v>43</v>
      </c>
      <c r="D63" s="19">
        <v>30</v>
      </c>
      <c r="E63" s="19">
        <v>13</v>
      </c>
      <c r="F63" s="19"/>
      <c r="G63" s="18" t="s">
        <v>124</v>
      </c>
      <c r="H63" s="17"/>
      <c r="I63" s="13">
        <v>2</v>
      </c>
      <c r="J63" s="19">
        <v>1</v>
      </c>
      <c r="K63" s="19">
        <v>1</v>
      </c>
    </row>
    <row r="64" spans="1:11" ht="15" customHeight="1">
      <c r="A64" s="17" t="s">
        <v>125</v>
      </c>
      <c r="B64" s="17"/>
      <c r="C64" s="13">
        <v>44</v>
      </c>
      <c r="D64" s="19">
        <v>28</v>
      </c>
      <c r="E64" s="19">
        <v>16</v>
      </c>
      <c r="F64" s="19"/>
      <c r="G64" s="18" t="s">
        <v>126</v>
      </c>
      <c r="H64" s="17"/>
      <c r="I64" s="13">
        <v>1</v>
      </c>
      <c r="J64" s="19">
        <v>0</v>
      </c>
      <c r="K64" s="19">
        <v>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0</v>
      </c>
      <c r="J65" s="19">
        <v>0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</v>
      </c>
      <c r="J66" s="29">
        <v>3</v>
      </c>
      <c r="K66" s="29">
        <v>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6" pageOrder="overThenDown" orientation="portrait" blackAndWhite="1" useFirstPageNumber="1" horizontalDpi="300" verticalDpi="300" r:id="rId1"/>
  <headerFooter scaleWithDoc="0"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1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07446</v>
      </c>
      <c r="D4" s="14">
        <v>650431</v>
      </c>
      <c r="E4" s="14">
        <v>65701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9727</v>
      </c>
      <c r="D5" s="14">
        <v>25512</v>
      </c>
      <c r="E5" s="14">
        <v>24215</v>
      </c>
      <c r="F5" s="14"/>
      <c r="G5" s="18" t="s">
        <v>8</v>
      </c>
      <c r="H5" s="17"/>
      <c r="I5" s="13">
        <v>94436</v>
      </c>
      <c r="J5" s="14">
        <v>49218</v>
      </c>
      <c r="K5" s="14">
        <v>45218</v>
      </c>
    </row>
    <row r="6" spans="1:11" ht="15" customHeight="1">
      <c r="A6" s="17" t="s">
        <v>9</v>
      </c>
      <c r="B6" s="17"/>
      <c r="C6" s="13">
        <v>9297</v>
      </c>
      <c r="D6" s="19">
        <v>4737</v>
      </c>
      <c r="E6" s="19">
        <v>4560</v>
      </c>
      <c r="F6" s="19"/>
      <c r="G6" s="18" t="s">
        <v>10</v>
      </c>
      <c r="H6" s="17"/>
      <c r="I6" s="13">
        <v>20768</v>
      </c>
      <c r="J6" s="19">
        <v>10766</v>
      </c>
      <c r="K6" s="19">
        <v>10002</v>
      </c>
    </row>
    <row r="7" spans="1:11" ht="15" customHeight="1">
      <c r="A7" s="17" t="s">
        <v>11</v>
      </c>
      <c r="B7" s="17"/>
      <c r="C7" s="13">
        <v>9790</v>
      </c>
      <c r="D7" s="19">
        <v>4968</v>
      </c>
      <c r="E7" s="19">
        <v>4822</v>
      </c>
      <c r="F7" s="19"/>
      <c r="G7" s="18" t="s">
        <v>12</v>
      </c>
      <c r="H7" s="17"/>
      <c r="I7" s="13">
        <v>21299</v>
      </c>
      <c r="J7" s="19">
        <v>11208</v>
      </c>
      <c r="K7" s="19">
        <v>10091</v>
      </c>
    </row>
    <row r="8" spans="1:11" ht="15" customHeight="1">
      <c r="A8" s="17" t="s">
        <v>13</v>
      </c>
      <c r="B8" s="17"/>
      <c r="C8" s="13">
        <v>10379</v>
      </c>
      <c r="D8" s="19">
        <v>5412</v>
      </c>
      <c r="E8" s="19">
        <v>4967</v>
      </c>
      <c r="F8" s="19"/>
      <c r="G8" s="18" t="s">
        <v>14</v>
      </c>
      <c r="H8" s="17"/>
      <c r="I8" s="13">
        <v>15010</v>
      </c>
      <c r="J8" s="19">
        <v>7907</v>
      </c>
      <c r="K8" s="19">
        <v>7103</v>
      </c>
    </row>
    <row r="9" spans="1:11" ht="15" customHeight="1">
      <c r="A9" s="17" t="s">
        <v>15</v>
      </c>
      <c r="B9" s="17"/>
      <c r="C9" s="13">
        <v>10030</v>
      </c>
      <c r="D9" s="19">
        <v>5042</v>
      </c>
      <c r="E9" s="19">
        <v>4988</v>
      </c>
      <c r="F9" s="19"/>
      <c r="G9" s="18" t="s">
        <v>16</v>
      </c>
      <c r="H9" s="17"/>
      <c r="I9" s="13">
        <v>19422</v>
      </c>
      <c r="J9" s="19">
        <v>10064</v>
      </c>
      <c r="K9" s="19">
        <v>9358</v>
      </c>
    </row>
    <row r="10" spans="1:11" ht="15" customHeight="1">
      <c r="A10" s="17" t="s">
        <v>17</v>
      </c>
      <c r="B10" s="17"/>
      <c r="C10" s="13">
        <v>10231</v>
      </c>
      <c r="D10" s="19">
        <v>5353</v>
      </c>
      <c r="E10" s="19">
        <v>4878</v>
      </c>
      <c r="F10" s="19"/>
      <c r="G10" s="18" t="s">
        <v>18</v>
      </c>
      <c r="H10" s="17"/>
      <c r="I10" s="13">
        <v>17937</v>
      </c>
      <c r="J10" s="19">
        <v>9273</v>
      </c>
      <c r="K10" s="19">
        <v>8664</v>
      </c>
    </row>
    <row r="11" spans="1:11" ht="20.100000000000001" customHeight="1">
      <c r="A11" s="17" t="s">
        <v>19</v>
      </c>
      <c r="B11" s="17"/>
      <c r="C11" s="13">
        <v>55009</v>
      </c>
      <c r="D11" s="14">
        <v>28010</v>
      </c>
      <c r="E11" s="14">
        <v>26999</v>
      </c>
      <c r="F11" s="14"/>
      <c r="G11" s="18" t="s">
        <v>20</v>
      </c>
      <c r="H11" s="17"/>
      <c r="I11" s="13">
        <v>77324</v>
      </c>
      <c r="J11" s="14">
        <v>39710</v>
      </c>
      <c r="K11" s="14">
        <v>37614</v>
      </c>
    </row>
    <row r="12" spans="1:11" ht="15" customHeight="1">
      <c r="A12" s="17" t="s">
        <v>21</v>
      </c>
      <c r="B12" s="17"/>
      <c r="C12" s="13">
        <v>10767</v>
      </c>
      <c r="D12" s="19">
        <v>5513</v>
      </c>
      <c r="E12" s="19">
        <v>5254</v>
      </c>
      <c r="F12" s="19"/>
      <c r="G12" s="18" t="s">
        <v>22</v>
      </c>
      <c r="H12" s="17"/>
      <c r="I12" s="13">
        <v>16852</v>
      </c>
      <c r="J12" s="19">
        <v>8797</v>
      </c>
      <c r="K12" s="19">
        <v>8055</v>
      </c>
    </row>
    <row r="13" spans="1:11" ht="15" customHeight="1">
      <c r="A13" s="17" t="s">
        <v>23</v>
      </c>
      <c r="B13" s="17"/>
      <c r="C13" s="13">
        <v>10771</v>
      </c>
      <c r="D13" s="19">
        <v>5517</v>
      </c>
      <c r="E13" s="19">
        <v>5254</v>
      </c>
      <c r="F13" s="19"/>
      <c r="G13" s="18" t="s">
        <v>24</v>
      </c>
      <c r="H13" s="17"/>
      <c r="I13" s="13">
        <v>15764</v>
      </c>
      <c r="J13" s="19">
        <v>8159</v>
      </c>
      <c r="K13" s="19">
        <v>7605</v>
      </c>
    </row>
    <row r="14" spans="1:11" ht="15" customHeight="1">
      <c r="A14" s="17" t="s">
        <v>25</v>
      </c>
      <c r="B14" s="17"/>
      <c r="C14" s="13">
        <v>11099</v>
      </c>
      <c r="D14" s="19">
        <v>5643</v>
      </c>
      <c r="E14" s="19">
        <v>5456</v>
      </c>
      <c r="F14" s="19"/>
      <c r="G14" s="18" t="s">
        <v>26</v>
      </c>
      <c r="H14" s="17"/>
      <c r="I14" s="13">
        <v>15358</v>
      </c>
      <c r="J14" s="19">
        <v>7843</v>
      </c>
      <c r="K14" s="19">
        <v>7515</v>
      </c>
    </row>
    <row r="15" spans="1:11" ht="15" customHeight="1">
      <c r="A15" s="17" t="s">
        <v>27</v>
      </c>
      <c r="B15" s="17"/>
      <c r="C15" s="13">
        <v>11073</v>
      </c>
      <c r="D15" s="19">
        <v>5646</v>
      </c>
      <c r="E15" s="19">
        <v>5427</v>
      </c>
      <c r="F15" s="19"/>
      <c r="G15" s="18" t="s">
        <v>28</v>
      </c>
      <c r="H15" s="17"/>
      <c r="I15" s="13">
        <v>14862</v>
      </c>
      <c r="J15" s="19">
        <v>7551</v>
      </c>
      <c r="K15" s="19">
        <v>7311</v>
      </c>
    </row>
    <row r="16" spans="1:11" ht="15" customHeight="1">
      <c r="A16" s="17" t="s">
        <v>29</v>
      </c>
      <c r="B16" s="17"/>
      <c r="C16" s="13">
        <v>11299</v>
      </c>
      <c r="D16" s="19">
        <v>5691</v>
      </c>
      <c r="E16" s="19">
        <v>5608</v>
      </c>
      <c r="F16" s="19"/>
      <c r="G16" s="18" t="s">
        <v>30</v>
      </c>
      <c r="H16" s="17"/>
      <c r="I16" s="13">
        <v>14488</v>
      </c>
      <c r="J16" s="19">
        <v>7360</v>
      </c>
      <c r="K16" s="19">
        <v>7128</v>
      </c>
    </row>
    <row r="17" spans="1:11" ht="20.100000000000001" customHeight="1">
      <c r="A17" s="20" t="s">
        <v>31</v>
      </c>
      <c r="B17" s="20"/>
      <c r="C17" s="13">
        <v>58130</v>
      </c>
      <c r="D17" s="14">
        <v>29629</v>
      </c>
      <c r="E17" s="14">
        <v>28501</v>
      </c>
      <c r="F17" s="14"/>
      <c r="G17" s="18" t="s">
        <v>32</v>
      </c>
      <c r="H17" s="17"/>
      <c r="I17" s="13">
        <v>71183</v>
      </c>
      <c r="J17" s="14">
        <v>35584</v>
      </c>
      <c r="K17" s="14">
        <v>35599</v>
      </c>
    </row>
    <row r="18" spans="1:11" ht="15" customHeight="1">
      <c r="A18" s="17" t="s">
        <v>33</v>
      </c>
      <c r="B18" s="17"/>
      <c r="C18" s="13">
        <v>11610</v>
      </c>
      <c r="D18" s="19">
        <v>5956</v>
      </c>
      <c r="E18" s="19">
        <v>5654</v>
      </c>
      <c r="F18" s="19"/>
      <c r="G18" s="18" t="s">
        <v>34</v>
      </c>
      <c r="H18" s="17"/>
      <c r="I18" s="13">
        <v>14701</v>
      </c>
      <c r="J18" s="19">
        <v>7418</v>
      </c>
      <c r="K18" s="19">
        <v>7283</v>
      </c>
    </row>
    <row r="19" spans="1:11" ht="15" customHeight="1">
      <c r="A19" s="17" t="s">
        <v>35</v>
      </c>
      <c r="B19" s="17"/>
      <c r="C19" s="13">
        <v>11628</v>
      </c>
      <c r="D19" s="19">
        <v>5969</v>
      </c>
      <c r="E19" s="19">
        <v>5659</v>
      </c>
      <c r="F19" s="19"/>
      <c r="G19" s="18" t="s">
        <v>36</v>
      </c>
      <c r="H19" s="17"/>
      <c r="I19" s="13">
        <v>13365</v>
      </c>
      <c r="J19" s="19">
        <v>6678</v>
      </c>
      <c r="K19" s="19">
        <v>6687</v>
      </c>
    </row>
    <row r="20" spans="1:11" ht="15" customHeight="1">
      <c r="A20" s="17" t="s">
        <v>37</v>
      </c>
      <c r="B20" s="17"/>
      <c r="C20" s="13">
        <v>11550</v>
      </c>
      <c r="D20" s="19">
        <v>5953</v>
      </c>
      <c r="E20" s="19">
        <v>5597</v>
      </c>
      <c r="F20" s="19"/>
      <c r="G20" s="18" t="s">
        <v>38</v>
      </c>
      <c r="H20" s="17"/>
      <c r="I20" s="13">
        <v>13867</v>
      </c>
      <c r="J20" s="19">
        <v>6907</v>
      </c>
      <c r="K20" s="19">
        <v>6960</v>
      </c>
    </row>
    <row r="21" spans="1:11" ht="15" customHeight="1">
      <c r="A21" s="17" t="s">
        <v>39</v>
      </c>
      <c r="B21" s="17"/>
      <c r="C21" s="13">
        <v>11440</v>
      </c>
      <c r="D21" s="19">
        <v>5778</v>
      </c>
      <c r="E21" s="19">
        <v>5662</v>
      </c>
      <c r="F21" s="19"/>
      <c r="G21" s="18" t="s">
        <v>40</v>
      </c>
      <c r="H21" s="17"/>
      <c r="I21" s="13">
        <v>14659</v>
      </c>
      <c r="J21" s="19">
        <v>7306</v>
      </c>
      <c r="K21" s="19">
        <v>7353</v>
      </c>
    </row>
    <row r="22" spans="1:11" ht="15" customHeight="1">
      <c r="A22" s="17" t="s">
        <v>41</v>
      </c>
      <c r="B22" s="17"/>
      <c r="C22" s="13">
        <v>11902</v>
      </c>
      <c r="D22" s="19">
        <v>5973</v>
      </c>
      <c r="E22" s="19">
        <v>5929</v>
      </c>
      <c r="F22" s="19"/>
      <c r="G22" s="18" t="s">
        <v>42</v>
      </c>
      <c r="H22" s="17"/>
      <c r="I22" s="13">
        <v>14591</v>
      </c>
      <c r="J22" s="19">
        <v>7275</v>
      </c>
      <c r="K22" s="19">
        <v>7316</v>
      </c>
    </row>
    <row r="23" spans="1:11" ht="20.100000000000001" customHeight="1">
      <c r="A23" s="17" t="s">
        <v>43</v>
      </c>
      <c r="B23" s="17"/>
      <c r="C23" s="13">
        <v>61773</v>
      </c>
      <c r="D23" s="14">
        <v>31533</v>
      </c>
      <c r="E23" s="14">
        <v>30240</v>
      </c>
      <c r="F23" s="14"/>
      <c r="G23" s="18" t="s">
        <v>44</v>
      </c>
      <c r="H23" s="17"/>
      <c r="I23" s="13">
        <v>89720</v>
      </c>
      <c r="J23" s="14">
        <v>42948</v>
      </c>
      <c r="K23" s="14">
        <v>46772</v>
      </c>
    </row>
    <row r="24" spans="1:11" ht="15" customHeight="1">
      <c r="A24" s="17" t="s">
        <v>45</v>
      </c>
      <c r="B24" s="17"/>
      <c r="C24" s="13">
        <v>12153</v>
      </c>
      <c r="D24" s="19">
        <v>6195</v>
      </c>
      <c r="E24" s="19">
        <v>5958</v>
      </c>
      <c r="F24" s="19"/>
      <c r="G24" s="18" t="s">
        <v>46</v>
      </c>
      <c r="H24" s="17"/>
      <c r="I24" s="13">
        <v>15078</v>
      </c>
      <c r="J24" s="19">
        <v>7284</v>
      </c>
      <c r="K24" s="19">
        <v>7794</v>
      </c>
    </row>
    <row r="25" spans="1:11" ht="15" customHeight="1">
      <c r="A25" s="17" t="s">
        <v>47</v>
      </c>
      <c r="B25" s="17"/>
      <c r="C25" s="13">
        <v>11845</v>
      </c>
      <c r="D25" s="19">
        <v>6012</v>
      </c>
      <c r="E25" s="19">
        <v>5833</v>
      </c>
      <c r="F25" s="19"/>
      <c r="G25" s="18" t="s">
        <v>48</v>
      </c>
      <c r="H25" s="17"/>
      <c r="I25" s="13">
        <v>16495</v>
      </c>
      <c r="J25" s="19">
        <v>7949</v>
      </c>
      <c r="K25" s="19">
        <v>8546</v>
      </c>
    </row>
    <row r="26" spans="1:11" ht="15" customHeight="1">
      <c r="A26" s="17" t="s">
        <v>49</v>
      </c>
      <c r="B26" s="17"/>
      <c r="C26" s="13">
        <v>12220</v>
      </c>
      <c r="D26" s="19">
        <v>6199</v>
      </c>
      <c r="E26" s="19">
        <v>6021</v>
      </c>
      <c r="F26" s="19"/>
      <c r="G26" s="18" t="s">
        <v>50</v>
      </c>
      <c r="H26" s="17"/>
      <c r="I26" s="13">
        <v>17554</v>
      </c>
      <c r="J26" s="19">
        <v>8331</v>
      </c>
      <c r="K26" s="19">
        <v>9223</v>
      </c>
    </row>
    <row r="27" spans="1:11" ht="15" customHeight="1">
      <c r="A27" s="17" t="s">
        <v>51</v>
      </c>
      <c r="B27" s="17"/>
      <c r="C27" s="13">
        <v>12801</v>
      </c>
      <c r="D27" s="19">
        <v>6568</v>
      </c>
      <c r="E27" s="19">
        <v>6233</v>
      </c>
      <c r="F27" s="19"/>
      <c r="G27" s="18" t="s">
        <v>52</v>
      </c>
      <c r="H27" s="17"/>
      <c r="I27" s="13">
        <v>18904</v>
      </c>
      <c r="J27" s="19">
        <v>9166</v>
      </c>
      <c r="K27" s="19">
        <v>9738</v>
      </c>
    </row>
    <row r="28" spans="1:11" ht="15" customHeight="1">
      <c r="A28" s="17" t="s">
        <v>53</v>
      </c>
      <c r="B28" s="17"/>
      <c r="C28" s="13">
        <v>12754</v>
      </c>
      <c r="D28" s="19">
        <v>6559</v>
      </c>
      <c r="E28" s="19">
        <v>6195</v>
      </c>
      <c r="F28" s="19"/>
      <c r="G28" s="18" t="s">
        <v>54</v>
      </c>
      <c r="H28" s="17"/>
      <c r="I28" s="13">
        <v>21689</v>
      </c>
      <c r="J28" s="19">
        <v>10218</v>
      </c>
      <c r="K28" s="19">
        <v>11471</v>
      </c>
    </row>
    <row r="29" spans="1:11" ht="20.100000000000001" customHeight="1">
      <c r="A29" s="17" t="s">
        <v>55</v>
      </c>
      <c r="B29" s="17"/>
      <c r="C29" s="13">
        <v>70127</v>
      </c>
      <c r="D29" s="14">
        <v>37763</v>
      </c>
      <c r="E29" s="14">
        <v>32364</v>
      </c>
      <c r="F29" s="14"/>
      <c r="G29" s="18" t="s">
        <v>56</v>
      </c>
      <c r="H29" s="17"/>
      <c r="I29" s="13">
        <v>85891</v>
      </c>
      <c r="J29" s="14">
        <v>40598</v>
      </c>
      <c r="K29" s="14">
        <v>45293</v>
      </c>
    </row>
    <row r="30" spans="1:11" ht="15" customHeight="1">
      <c r="A30" s="17" t="s">
        <v>57</v>
      </c>
      <c r="B30" s="17"/>
      <c r="C30" s="13">
        <v>12981</v>
      </c>
      <c r="D30" s="19">
        <v>6886</v>
      </c>
      <c r="E30" s="19">
        <v>6095</v>
      </c>
      <c r="F30" s="19"/>
      <c r="G30" s="18" t="s">
        <v>58</v>
      </c>
      <c r="H30" s="17"/>
      <c r="I30" s="13">
        <v>21094</v>
      </c>
      <c r="J30" s="19">
        <v>9976</v>
      </c>
      <c r="K30" s="19">
        <v>11118</v>
      </c>
    </row>
    <row r="31" spans="1:11" ht="15" customHeight="1">
      <c r="A31" s="17" t="s">
        <v>59</v>
      </c>
      <c r="B31" s="17"/>
      <c r="C31" s="13">
        <v>13771</v>
      </c>
      <c r="D31" s="19">
        <v>7267</v>
      </c>
      <c r="E31" s="19">
        <v>6504</v>
      </c>
      <c r="F31" s="19"/>
      <c r="G31" s="18" t="s">
        <v>60</v>
      </c>
      <c r="H31" s="17"/>
      <c r="I31" s="13">
        <v>20830</v>
      </c>
      <c r="J31" s="19">
        <v>9797</v>
      </c>
      <c r="K31" s="19">
        <v>11033</v>
      </c>
    </row>
    <row r="32" spans="1:11" ht="15" customHeight="1">
      <c r="A32" s="17" t="s">
        <v>61</v>
      </c>
      <c r="B32" s="17"/>
      <c r="C32" s="13">
        <v>15004</v>
      </c>
      <c r="D32" s="19">
        <v>8215</v>
      </c>
      <c r="E32" s="19">
        <v>6789</v>
      </c>
      <c r="F32" s="19"/>
      <c r="G32" s="18" t="s">
        <v>62</v>
      </c>
      <c r="H32" s="17"/>
      <c r="I32" s="13">
        <v>14868</v>
      </c>
      <c r="J32" s="19">
        <v>7033</v>
      </c>
      <c r="K32" s="19">
        <v>7835</v>
      </c>
    </row>
    <row r="33" spans="1:11" ht="15" customHeight="1">
      <c r="A33" s="17" t="s">
        <v>63</v>
      </c>
      <c r="B33" s="17"/>
      <c r="C33" s="13">
        <v>14046</v>
      </c>
      <c r="D33" s="19">
        <v>7549</v>
      </c>
      <c r="E33" s="19">
        <v>6497</v>
      </c>
      <c r="F33" s="19"/>
      <c r="G33" s="18" t="s">
        <v>64</v>
      </c>
      <c r="H33" s="17"/>
      <c r="I33" s="13">
        <v>13156</v>
      </c>
      <c r="J33" s="19">
        <v>6290</v>
      </c>
      <c r="K33" s="19">
        <v>6866</v>
      </c>
    </row>
    <row r="34" spans="1:11" ht="15" customHeight="1">
      <c r="A34" s="17" t="s">
        <v>65</v>
      </c>
      <c r="B34" s="17"/>
      <c r="C34" s="13">
        <v>14325</v>
      </c>
      <c r="D34" s="19">
        <v>7846</v>
      </c>
      <c r="E34" s="19">
        <v>6479</v>
      </c>
      <c r="F34" s="19"/>
      <c r="G34" s="18" t="s">
        <v>66</v>
      </c>
      <c r="H34" s="17"/>
      <c r="I34" s="13">
        <v>15943</v>
      </c>
      <c r="J34" s="19">
        <v>7502</v>
      </c>
      <c r="K34" s="19">
        <v>8441</v>
      </c>
    </row>
    <row r="35" spans="1:11" ht="20.100000000000001" customHeight="1">
      <c r="A35" s="17" t="s">
        <v>67</v>
      </c>
      <c r="B35" s="17"/>
      <c r="C35" s="13">
        <v>61249</v>
      </c>
      <c r="D35" s="14">
        <v>32350</v>
      </c>
      <c r="E35" s="14">
        <v>28899</v>
      </c>
      <c r="F35" s="14"/>
      <c r="G35" s="18" t="s">
        <v>68</v>
      </c>
      <c r="H35" s="17"/>
      <c r="I35" s="13">
        <v>73336</v>
      </c>
      <c r="J35" s="14">
        <v>33915</v>
      </c>
      <c r="K35" s="14">
        <v>39421</v>
      </c>
    </row>
    <row r="36" spans="1:11" ht="15" customHeight="1">
      <c r="A36" s="17" t="s">
        <v>69</v>
      </c>
      <c r="B36" s="17"/>
      <c r="C36" s="13">
        <v>13349</v>
      </c>
      <c r="D36" s="19">
        <v>7233</v>
      </c>
      <c r="E36" s="19">
        <v>6116</v>
      </c>
      <c r="F36" s="19"/>
      <c r="G36" s="18" t="s">
        <v>70</v>
      </c>
      <c r="H36" s="17"/>
      <c r="I36" s="13">
        <v>16600</v>
      </c>
      <c r="J36" s="19">
        <v>7668</v>
      </c>
      <c r="K36" s="19">
        <v>8932</v>
      </c>
    </row>
    <row r="37" spans="1:11" ht="15" customHeight="1">
      <c r="A37" s="17" t="s">
        <v>71</v>
      </c>
      <c r="B37" s="17"/>
      <c r="C37" s="13">
        <v>12029</v>
      </c>
      <c r="D37" s="19">
        <v>6406</v>
      </c>
      <c r="E37" s="19">
        <v>5623</v>
      </c>
      <c r="F37" s="19"/>
      <c r="G37" s="18" t="s">
        <v>72</v>
      </c>
      <c r="H37" s="17"/>
      <c r="I37" s="13">
        <v>15815</v>
      </c>
      <c r="J37" s="19">
        <v>7368</v>
      </c>
      <c r="K37" s="19">
        <v>8447</v>
      </c>
    </row>
    <row r="38" spans="1:11" ht="15" customHeight="1">
      <c r="A38" s="17" t="s">
        <v>73</v>
      </c>
      <c r="B38" s="17"/>
      <c r="C38" s="13">
        <v>12056</v>
      </c>
      <c r="D38" s="19">
        <v>6336</v>
      </c>
      <c r="E38" s="19">
        <v>5720</v>
      </c>
      <c r="F38" s="19"/>
      <c r="G38" s="18" t="s">
        <v>74</v>
      </c>
      <c r="H38" s="17"/>
      <c r="I38" s="13">
        <v>15646</v>
      </c>
      <c r="J38" s="19">
        <v>7179</v>
      </c>
      <c r="K38" s="19">
        <v>8467</v>
      </c>
    </row>
    <row r="39" spans="1:11" ht="15" customHeight="1">
      <c r="A39" s="17" t="s">
        <v>75</v>
      </c>
      <c r="B39" s="17"/>
      <c r="C39" s="13">
        <v>11738</v>
      </c>
      <c r="D39" s="19">
        <v>6107</v>
      </c>
      <c r="E39" s="19">
        <v>5631</v>
      </c>
      <c r="F39" s="19"/>
      <c r="G39" s="18" t="s">
        <v>76</v>
      </c>
      <c r="H39" s="17"/>
      <c r="I39" s="13">
        <v>13863</v>
      </c>
      <c r="J39" s="19">
        <v>6390</v>
      </c>
      <c r="K39" s="19">
        <v>7473</v>
      </c>
    </row>
    <row r="40" spans="1:11" ht="15" customHeight="1">
      <c r="A40" s="17" t="s">
        <v>77</v>
      </c>
      <c r="B40" s="17"/>
      <c r="C40" s="13">
        <v>12077</v>
      </c>
      <c r="D40" s="19">
        <v>6268</v>
      </c>
      <c r="E40" s="19">
        <v>5809</v>
      </c>
      <c r="F40" s="19"/>
      <c r="G40" s="18" t="s">
        <v>78</v>
      </c>
      <c r="H40" s="17"/>
      <c r="I40" s="13">
        <v>11412</v>
      </c>
      <c r="J40" s="19">
        <v>5310</v>
      </c>
      <c r="K40" s="19">
        <v>6102</v>
      </c>
    </row>
    <row r="41" spans="1:11" ht="20.100000000000001" customHeight="1">
      <c r="A41" s="17" t="s">
        <v>79</v>
      </c>
      <c r="B41" s="17"/>
      <c r="C41" s="13">
        <v>67010</v>
      </c>
      <c r="D41" s="14">
        <v>34561</v>
      </c>
      <c r="E41" s="14">
        <v>32449</v>
      </c>
      <c r="F41" s="14"/>
      <c r="G41" s="18" t="s">
        <v>80</v>
      </c>
      <c r="H41" s="17"/>
      <c r="I41" s="13">
        <v>50441</v>
      </c>
      <c r="J41" s="14">
        <v>22010</v>
      </c>
      <c r="K41" s="14">
        <v>28431</v>
      </c>
    </row>
    <row r="42" spans="1:11" ht="15" customHeight="1">
      <c r="A42" s="17" t="s">
        <v>81</v>
      </c>
      <c r="B42" s="17"/>
      <c r="C42" s="13">
        <v>12572</v>
      </c>
      <c r="D42" s="19">
        <v>6520</v>
      </c>
      <c r="E42" s="19">
        <v>6052</v>
      </c>
      <c r="F42" s="19"/>
      <c r="G42" s="18" t="s">
        <v>82</v>
      </c>
      <c r="H42" s="17"/>
      <c r="I42" s="13">
        <v>10675</v>
      </c>
      <c r="J42" s="19">
        <v>4827</v>
      </c>
      <c r="K42" s="19">
        <v>5848</v>
      </c>
    </row>
    <row r="43" spans="1:11" ht="15" customHeight="1">
      <c r="A43" s="17" t="s">
        <v>83</v>
      </c>
      <c r="B43" s="17"/>
      <c r="C43" s="13">
        <v>12822</v>
      </c>
      <c r="D43" s="19">
        <v>6623</v>
      </c>
      <c r="E43" s="19">
        <v>6199</v>
      </c>
      <c r="F43" s="19"/>
      <c r="G43" s="18" t="s">
        <v>84</v>
      </c>
      <c r="H43" s="17"/>
      <c r="I43" s="13">
        <v>11613</v>
      </c>
      <c r="J43" s="19">
        <v>5207</v>
      </c>
      <c r="K43" s="19">
        <v>6406</v>
      </c>
    </row>
    <row r="44" spans="1:11" ht="15" customHeight="1">
      <c r="A44" s="17" t="s">
        <v>85</v>
      </c>
      <c r="B44" s="17"/>
      <c r="C44" s="13">
        <v>13167</v>
      </c>
      <c r="D44" s="19">
        <v>6989</v>
      </c>
      <c r="E44" s="19">
        <v>6178</v>
      </c>
      <c r="F44" s="19"/>
      <c r="G44" s="18" t="s">
        <v>86</v>
      </c>
      <c r="H44" s="17"/>
      <c r="I44" s="13">
        <v>10208</v>
      </c>
      <c r="J44" s="19">
        <v>4424</v>
      </c>
      <c r="K44" s="19">
        <v>5784</v>
      </c>
    </row>
    <row r="45" spans="1:11" ht="15" customHeight="1">
      <c r="A45" s="17" t="s">
        <v>87</v>
      </c>
      <c r="B45" s="17"/>
      <c r="C45" s="13">
        <v>13910</v>
      </c>
      <c r="D45" s="19">
        <v>7059</v>
      </c>
      <c r="E45" s="19">
        <v>6851</v>
      </c>
      <c r="F45" s="19"/>
      <c r="G45" s="18" t="s">
        <v>88</v>
      </c>
      <c r="H45" s="17"/>
      <c r="I45" s="13">
        <v>9908</v>
      </c>
      <c r="J45" s="19">
        <v>4247</v>
      </c>
      <c r="K45" s="19">
        <v>5661</v>
      </c>
    </row>
    <row r="46" spans="1:11" ht="15" customHeight="1">
      <c r="A46" s="17" t="s">
        <v>89</v>
      </c>
      <c r="B46" s="17"/>
      <c r="C46" s="13">
        <v>14539</v>
      </c>
      <c r="D46" s="19">
        <v>7370</v>
      </c>
      <c r="E46" s="19">
        <v>7169</v>
      </c>
      <c r="F46" s="19"/>
      <c r="G46" s="18" t="s">
        <v>90</v>
      </c>
      <c r="H46" s="17"/>
      <c r="I46" s="13">
        <v>8037</v>
      </c>
      <c r="J46" s="19">
        <v>3305</v>
      </c>
      <c r="K46" s="19">
        <v>4732</v>
      </c>
    </row>
    <row r="47" spans="1:11" ht="20.100000000000001" customHeight="1">
      <c r="A47" s="17" t="s">
        <v>91</v>
      </c>
      <c r="B47" s="17"/>
      <c r="C47" s="13">
        <v>80673</v>
      </c>
      <c r="D47" s="14">
        <v>41377</v>
      </c>
      <c r="E47" s="14">
        <v>39296</v>
      </c>
      <c r="F47" s="14"/>
      <c r="G47" s="18" t="s">
        <v>92</v>
      </c>
      <c r="H47" s="17"/>
      <c r="I47" s="13">
        <v>29791</v>
      </c>
      <c r="J47" s="14">
        <v>11015</v>
      </c>
      <c r="K47" s="14">
        <v>18776</v>
      </c>
    </row>
    <row r="48" spans="1:11" ht="15" customHeight="1">
      <c r="A48" s="17" t="s">
        <v>93</v>
      </c>
      <c r="B48" s="17"/>
      <c r="C48" s="13">
        <v>15348</v>
      </c>
      <c r="D48" s="19">
        <v>7889</v>
      </c>
      <c r="E48" s="19">
        <v>7459</v>
      </c>
      <c r="F48" s="19"/>
      <c r="G48" s="18" t="s">
        <v>94</v>
      </c>
      <c r="H48" s="17"/>
      <c r="I48" s="13">
        <v>7410</v>
      </c>
      <c r="J48" s="19">
        <v>2968</v>
      </c>
      <c r="K48" s="19">
        <v>4442</v>
      </c>
    </row>
    <row r="49" spans="1:11" ht="15" customHeight="1">
      <c r="A49" s="17" t="s">
        <v>95</v>
      </c>
      <c r="B49" s="17"/>
      <c r="C49" s="13">
        <v>15498</v>
      </c>
      <c r="D49" s="19">
        <v>8025</v>
      </c>
      <c r="E49" s="19">
        <v>7473</v>
      </c>
      <c r="F49" s="19"/>
      <c r="G49" s="18" t="s">
        <v>96</v>
      </c>
      <c r="H49" s="17"/>
      <c r="I49" s="13">
        <v>6749</v>
      </c>
      <c r="J49" s="19">
        <v>2593</v>
      </c>
      <c r="K49" s="19">
        <v>4156</v>
      </c>
    </row>
    <row r="50" spans="1:11" ht="15" customHeight="1">
      <c r="A50" s="17" t="s">
        <v>97</v>
      </c>
      <c r="B50" s="17"/>
      <c r="C50" s="13">
        <v>15838</v>
      </c>
      <c r="D50" s="19">
        <v>8019</v>
      </c>
      <c r="E50" s="19">
        <v>7819</v>
      </c>
      <c r="F50" s="19"/>
      <c r="G50" s="18" t="s">
        <v>98</v>
      </c>
      <c r="H50" s="17"/>
      <c r="I50" s="13">
        <v>6059</v>
      </c>
      <c r="J50" s="19">
        <v>2137</v>
      </c>
      <c r="K50" s="19">
        <v>3922</v>
      </c>
    </row>
    <row r="51" spans="1:11" ht="15" customHeight="1">
      <c r="A51" s="17" t="s">
        <v>99</v>
      </c>
      <c r="B51" s="17"/>
      <c r="C51" s="13">
        <v>16418</v>
      </c>
      <c r="D51" s="19">
        <v>8411</v>
      </c>
      <c r="E51" s="19">
        <v>8007</v>
      </c>
      <c r="F51" s="19"/>
      <c r="G51" s="18" t="s">
        <v>100</v>
      </c>
      <c r="H51" s="17"/>
      <c r="I51" s="13">
        <v>5186</v>
      </c>
      <c r="J51" s="19">
        <v>1820</v>
      </c>
      <c r="K51" s="19">
        <v>3366</v>
      </c>
    </row>
    <row r="52" spans="1:11" ht="15" customHeight="1">
      <c r="A52" s="17" t="s">
        <v>101</v>
      </c>
      <c r="B52" s="17"/>
      <c r="C52" s="13">
        <v>17571</v>
      </c>
      <c r="D52" s="19">
        <v>9033</v>
      </c>
      <c r="E52" s="19">
        <v>8538</v>
      </c>
      <c r="F52" s="19"/>
      <c r="G52" s="18" t="s">
        <v>102</v>
      </c>
      <c r="H52" s="17"/>
      <c r="I52" s="13">
        <v>4387</v>
      </c>
      <c r="J52" s="19">
        <v>1497</v>
      </c>
      <c r="K52" s="19">
        <v>2890</v>
      </c>
    </row>
    <row r="53" spans="1:11" ht="20.100000000000001" customHeight="1">
      <c r="A53" s="17" t="s">
        <v>103</v>
      </c>
      <c r="B53" s="17"/>
      <c r="C53" s="13">
        <v>98079</v>
      </c>
      <c r="D53" s="14">
        <v>49970</v>
      </c>
      <c r="E53" s="14">
        <v>48109</v>
      </c>
      <c r="F53" s="14"/>
      <c r="G53" s="18" t="s">
        <v>104</v>
      </c>
      <c r="H53" s="17"/>
      <c r="I53" s="13">
        <v>13975</v>
      </c>
      <c r="J53" s="14">
        <v>4014</v>
      </c>
      <c r="K53" s="14">
        <v>9961</v>
      </c>
    </row>
    <row r="54" spans="1:11" ht="15" customHeight="1">
      <c r="A54" s="17" t="s">
        <v>105</v>
      </c>
      <c r="B54" s="17"/>
      <c r="C54" s="13">
        <v>18179</v>
      </c>
      <c r="D54" s="19">
        <v>9260</v>
      </c>
      <c r="E54" s="19">
        <v>8919</v>
      </c>
      <c r="F54" s="19"/>
      <c r="G54" s="18" t="s">
        <v>106</v>
      </c>
      <c r="H54" s="17"/>
      <c r="I54" s="13">
        <v>3889</v>
      </c>
      <c r="J54" s="19">
        <v>1209</v>
      </c>
      <c r="K54" s="19">
        <v>2680</v>
      </c>
    </row>
    <row r="55" spans="1:11" ht="15" customHeight="1">
      <c r="A55" s="17" t="s">
        <v>107</v>
      </c>
      <c r="B55" s="17"/>
      <c r="C55" s="13">
        <v>18655</v>
      </c>
      <c r="D55" s="19">
        <v>9570</v>
      </c>
      <c r="E55" s="19">
        <v>9085</v>
      </c>
      <c r="F55" s="19"/>
      <c r="G55" s="18" t="s">
        <v>108</v>
      </c>
      <c r="H55" s="17"/>
      <c r="I55" s="13">
        <v>3227</v>
      </c>
      <c r="J55" s="19">
        <v>997</v>
      </c>
      <c r="K55" s="19">
        <v>2230</v>
      </c>
    </row>
    <row r="56" spans="1:11" ht="15" customHeight="1">
      <c r="A56" s="17" t="s">
        <v>109</v>
      </c>
      <c r="B56" s="17"/>
      <c r="C56" s="13">
        <v>19339</v>
      </c>
      <c r="D56" s="19">
        <v>9909</v>
      </c>
      <c r="E56" s="19">
        <v>9430</v>
      </c>
      <c r="F56" s="19"/>
      <c r="G56" s="18" t="s">
        <v>110</v>
      </c>
      <c r="H56" s="17"/>
      <c r="I56" s="13">
        <v>2763</v>
      </c>
      <c r="J56" s="19">
        <v>803</v>
      </c>
      <c r="K56" s="19">
        <v>1960</v>
      </c>
    </row>
    <row r="57" spans="1:11" ht="15" customHeight="1">
      <c r="A57" s="17" t="s">
        <v>111</v>
      </c>
      <c r="B57" s="17"/>
      <c r="C57" s="13">
        <v>20078</v>
      </c>
      <c r="D57" s="19">
        <v>10037</v>
      </c>
      <c r="E57" s="19">
        <v>10041</v>
      </c>
      <c r="F57" s="19"/>
      <c r="G57" s="18" t="s">
        <v>112</v>
      </c>
      <c r="H57" s="17"/>
      <c r="I57" s="13">
        <v>2407</v>
      </c>
      <c r="J57" s="19">
        <v>607</v>
      </c>
      <c r="K57" s="19">
        <v>1800</v>
      </c>
    </row>
    <row r="58" spans="1:11" ht="15" customHeight="1">
      <c r="A58" s="17" t="s">
        <v>113</v>
      </c>
      <c r="B58" s="17"/>
      <c r="C58" s="13">
        <v>21828</v>
      </c>
      <c r="D58" s="19">
        <v>11194</v>
      </c>
      <c r="E58" s="19">
        <v>10634</v>
      </c>
      <c r="F58" s="19"/>
      <c r="G58" s="18" t="s">
        <v>114</v>
      </c>
      <c r="H58" s="17"/>
      <c r="I58" s="13">
        <v>1689</v>
      </c>
      <c r="J58" s="19">
        <v>398</v>
      </c>
      <c r="K58" s="19">
        <v>1291</v>
      </c>
    </row>
    <row r="59" spans="1:11" ht="20.100000000000001" customHeight="1">
      <c r="A59" s="17" t="s">
        <v>115</v>
      </c>
      <c r="B59" s="17"/>
      <c r="C59" s="13">
        <v>109323</v>
      </c>
      <c r="D59" s="14">
        <v>55979</v>
      </c>
      <c r="E59" s="14">
        <v>53344</v>
      </c>
      <c r="F59" s="14"/>
      <c r="G59" s="18" t="s">
        <v>116</v>
      </c>
      <c r="H59" s="17"/>
      <c r="I59" s="13">
        <v>3868</v>
      </c>
      <c r="J59" s="14">
        <v>760</v>
      </c>
      <c r="K59" s="14">
        <v>3108</v>
      </c>
    </row>
    <row r="60" spans="1:11" ht="15" customHeight="1">
      <c r="A60" s="17" t="s">
        <v>117</v>
      </c>
      <c r="B60" s="17"/>
      <c r="C60" s="13">
        <v>22628</v>
      </c>
      <c r="D60" s="19">
        <v>11478</v>
      </c>
      <c r="E60" s="19">
        <v>11150</v>
      </c>
      <c r="F60" s="19"/>
      <c r="G60" s="18" t="s">
        <v>118</v>
      </c>
      <c r="H60" s="17"/>
      <c r="I60" s="13">
        <v>1329</v>
      </c>
      <c r="J60" s="19">
        <v>299</v>
      </c>
      <c r="K60" s="19">
        <v>1030</v>
      </c>
    </row>
    <row r="61" spans="1:11" ht="15" customHeight="1">
      <c r="A61" s="17" t="s">
        <v>119</v>
      </c>
      <c r="B61" s="17"/>
      <c r="C61" s="13">
        <v>22122</v>
      </c>
      <c r="D61" s="19">
        <v>11295</v>
      </c>
      <c r="E61" s="19">
        <v>10827</v>
      </c>
      <c r="F61" s="19"/>
      <c r="G61" s="18" t="s">
        <v>120</v>
      </c>
      <c r="H61" s="17"/>
      <c r="I61" s="13">
        <v>957</v>
      </c>
      <c r="J61" s="19">
        <v>194</v>
      </c>
      <c r="K61" s="19">
        <v>763</v>
      </c>
    </row>
    <row r="62" spans="1:11" ht="15" customHeight="1">
      <c r="A62" s="17" t="s">
        <v>121</v>
      </c>
      <c r="B62" s="17"/>
      <c r="C62" s="13">
        <v>22097</v>
      </c>
      <c r="D62" s="19">
        <v>11335</v>
      </c>
      <c r="E62" s="19">
        <v>10762</v>
      </c>
      <c r="F62" s="19"/>
      <c r="G62" s="18" t="s">
        <v>122</v>
      </c>
      <c r="H62" s="17"/>
      <c r="I62" s="13">
        <v>671</v>
      </c>
      <c r="J62" s="19">
        <v>119</v>
      </c>
      <c r="K62" s="19">
        <v>552</v>
      </c>
    </row>
    <row r="63" spans="1:11" ht="15" customHeight="1">
      <c r="A63" s="17" t="s">
        <v>123</v>
      </c>
      <c r="B63" s="17"/>
      <c r="C63" s="13">
        <v>21596</v>
      </c>
      <c r="D63" s="19">
        <v>11076</v>
      </c>
      <c r="E63" s="19">
        <v>10520</v>
      </c>
      <c r="F63" s="19"/>
      <c r="G63" s="18" t="s">
        <v>124</v>
      </c>
      <c r="H63" s="17"/>
      <c r="I63" s="13">
        <v>573</v>
      </c>
      <c r="J63" s="19">
        <v>89</v>
      </c>
      <c r="K63" s="19">
        <v>484</v>
      </c>
    </row>
    <row r="64" spans="1:11" ht="15" customHeight="1">
      <c r="A64" s="17" t="s">
        <v>125</v>
      </c>
      <c r="B64" s="17"/>
      <c r="C64" s="13">
        <v>20880</v>
      </c>
      <c r="D64" s="19">
        <v>10795</v>
      </c>
      <c r="E64" s="19">
        <v>10085</v>
      </c>
      <c r="F64" s="19"/>
      <c r="G64" s="18" t="s">
        <v>126</v>
      </c>
      <c r="H64" s="17"/>
      <c r="I64" s="13">
        <v>338</v>
      </c>
      <c r="J64" s="19">
        <v>59</v>
      </c>
      <c r="K64" s="19">
        <v>279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11</v>
      </c>
      <c r="J65" s="19">
        <v>117</v>
      </c>
      <c r="K65" s="19">
        <v>59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5670</v>
      </c>
      <c r="J66" s="29">
        <v>3858</v>
      </c>
      <c r="K66" s="29">
        <v>1812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7" pageOrder="overThenDown" orientation="portrait" blackAndWhite="1" useFirstPageNumber="1" horizontalDpi="300" verticalDpi="300"/>
  <headerFooter scaleWithDoc="0"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5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57879</v>
      </c>
      <c r="D4" s="14">
        <v>129150</v>
      </c>
      <c r="E4" s="14">
        <v>12872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077</v>
      </c>
      <c r="D5" s="14">
        <v>4633</v>
      </c>
      <c r="E5" s="14">
        <v>4444</v>
      </c>
      <c r="F5" s="14"/>
      <c r="G5" s="18" t="s">
        <v>8</v>
      </c>
      <c r="H5" s="17"/>
      <c r="I5" s="13">
        <v>18325</v>
      </c>
      <c r="J5" s="14">
        <v>9640</v>
      </c>
      <c r="K5" s="14">
        <v>8685</v>
      </c>
    </row>
    <row r="6" spans="1:11" ht="15" customHeight="1">
      <c r="A6" s="17" t="s">
        <v>9</v>
      </c>
      <c r="B6" s="17"/>
      <c r="C6" s="13">
        <v>1686</v>
      </c>
      <c r="D6" s="19">
        <v>837</v>
      </c>
      <c r="E6" s="19">
        <v>849</v>
      </c>
      <c r="F6" s="19"/>
      <c r="G6" s="18" t="s">
        <v>10</v>
      </c>
      <c r="H6" s="17"/>
      <c r="I6" s="13">
        <v>3995</v>
      </c>
      <c r="J6" s="19">
        <v>2095</v>
      </c>
      <c r="K6" s="19">
        <v>1900</v>
      </c>
    </row>
    <row r="7" spans="1:11" ht="15" customHeight="1">
      <c r="A7" s="17" t="s">
        <v>11</v>
      </c>
      <c r="B7" s="17"/>
      <c r="C7" s="13">
        <v>1849</v>
      </c>
      <c r="D7" s="19">
        <v>932</v>
      </c>
      <c r="E7" s="19">
        <v>917</v>
      </c>
      <c r="F7" s="19"/>
      <c r="G7" s="18" t="s">
        <v>12</v>
      </c>
      <c r="H7" s="17"/>
      <c r="I7" s="13">
        <v>4222</v>
      </c>
      <c r="J7" s="19">
        <v>2226</v>
      </c>
      <c r="K7" s="19">
        <v>1996</v>
      </c>
    </row>
    <row r="8" spans="1:11" ht="15" customHeight="1">
      <c r="A8" s="17" t="s">
        <v>13</v>
      </c>
      <c r="B8" s="17"/>
      <c r="C8" s="13">
        <v>1934</v>
      </c>
      <c r="D8" s="19">
        <v>1010</v>
      </c>
      <c r="E8" s="19">
        <v>924</v>
      </c>
      <c r="F8" s="19"/>
      <c r="G8" s="18" t="s">
        <v>14</v>
      </c>
      <c r="H8" s="17"/>
      <c r="I8" s="13">
        <v>2961</v>
      </c>
      <c r="J8" s="19">
        <v>1579</v>
      </c>
      <c r="K8" s="19">
        <v>1382</v>
      </c>
    </row>
    <row r="9" spans="1:11" ht="15" customHeight="1">
      <c r="A9" s="17" t="s">
        <v>15</v>
      </c>
      <c r="B9" s="17"/>
      <c r="C9" s="13">
        <v>1770</v>
      </c>
      <c r="D9" s="19">
        <v>863</v>
      </c>
      <c r="E9" s="19">
        <v>907</v>
      </c>
      <c r="F9" s="19"/>
      <c r="G9" s="18" t="s">
        <v>16</v>
      </c>
      <c r="H9" s="17"/>
      <c r="I9" s="13">
        <v>3720</v>
      </c>
      <c r="J9" s="19">
        <v>1953</v>
      </c>
      <c r="K9" s="19">
        <v>1767</v>
      </c>
    </row>
    <row r="10" spans="1:11" ht="15" customHeight="1">
      <c r="A10" s="17" t="s">
        <v>17</v>
      </c>
      <c r="B10" s="17"/>
      <c r="C10" s="13">
        <v>1838</v>
      </c>
      <c r="D10" s="19">
        <v>991</v>
      </c>
      <c r="E10" s="19">
        <v>847</v>
      </c>
      <c r="F10" s="19"/>
      <c r="G10" s="18" t="s">
        <v>18</v>
      </c>
      <c r="H10" s="17"/>
      <c r="I10" s="13">
        <v>3427</v>
      </c>
      <c r="J10" s="19">
        <v>1787</v>
      </c>
      <c r="K10" s="19">
        <v>1640</v>
      </c>
    </row>
    <row r="11" spans="1:11" ht="20.100000000000001" customHeight="1">
      <c r="A11" s="17" t="s">
        <v>19</v>
      </c>
      <c r="B11" s="17"/>
      <c r="C11" s="13">
        <v>9958</v>
      </c>
      <c r="D11" s="14">
        <v>5049</v>
      </c>
      <c r="E11" s="14">
        <v>4909</v>
      </c>
      <c r="F11" s="14"/>
      <c r="G11" s="18" t="s">
        <v>20</v>
      </c>
      <c r="H11" s="17"/>
      <c r="I11" s="13">
        <v>15368</v>
      </c>
      <c r="J11" s="14">
        <v>7856</v>
      </c>
      <c r="K11" s="14">
        <v>7512</v>
      </c>
    </row>
    <row r="12" spans="1:11" ht="15" customHeight="1">
      <c r="A12" s="17" t="s">
        <v>21</v>
      </c>
      <c r="B12" s="17"/>
      <c r="C12" s="13">
        <v>1893</v>
      </c>
      <c r="D12" s="19">
        <v>962</v>
      </c>
      <c r="E12" s="19">
        <v>931</v>
      </c>
      <c r="F12" s="19"/>
      <c r="G12" s="18" t="s">
        <v>22</v>
      </c>
      <c r="H12" s="17"/>
      <c r="I12" s="13">
        <v>3282</v>
      </c>
      <c r="J12" s="19">
        <v>1678</v>
      </c>
      <c r="K12" s="19">
        <v>1604</v>
      </c>
    </row>
    <row r="13" spans="1:11" ht="15" customHeight="1">
      <c r="A13" s="17" t="s">
        <v>23</v>
      </c>
      <c r="B13" s="17"/>
      <c r="C13" s="13">
        <v>1936</v>
      </c>
      <c r="D13" s="19">
        <v>1013</v>
      </c>
      <c r="E13" s="19">
        <v>923</v>
      </c>
      <c r="F13" s="19"/>
      <c r="G13" s="18" t="s">
        <v>24</v>
      </c>
      <c r="H13" s="17"/>
      <c r="I13" s="13">
        <v>3190</v>
      </c>
      <c r="J13" s="19">
        <v>1638</v>
      </c>
      <c r="K13" s="19">
        <v>1552</v>
      </c>
    </row>
    <row r="14" spans="1:11" ht="15" customHeight="1">
      <c r="A14" s="17" t="s">
        <v>25</v>
      </c>
      <c r="B14" s="17"/>
      <c r="C14" s="13">
        <v>1966</v>
      </c>
      <c r="D14" s="19">
        <v>981</v>
      </c>
      <c r="E14" s="19">
        <v>985</v>
      </c>
      <c r="F14" s="19"/>
      <c r="G14" s="18" t="s">
        <v>26</v>
      </c>
      <c r="H14" s="17"/>
      <c r="I14" s="13">
        <v>2974</v>
      </c>
      <c r="J14" s="19">
        <v>1521</v>
      </c>
      <c r="K14" s="19">
        <v>1453</v>
      </c>
    </row>
    <row r="15" spans="1:11" ht="15" customHeight="1">
      <c r="A15" s="17" t="s">
        <v>27</v>
      </c>
      <c r="B15" s="17"/>
      <c r="C15" s="13">
        <v>2018</v>
      </c>
      <c r="D15" s="19">
        <v>1019</v>
      </c>
      <c r="E15" s="19">
        <v>999</v>
      </c>
      <c r="F15" s="19"/>
      <c r="G15" s="18" t="s">
        <v>28</v>
      </c>
      <c r="H15" s="17"/>
      <c r="I15" s="13">
        <v>2960</v>
      </c>
      <c r="J15" s="19">
        <v>1533</v>
      </c>
      <c r="K15" s="19">
        <v>1427</v>
      </c>
    </row>
    <row r="16" spans="1:11" ht="15" customHeight="1">
      <c r="A16" s="17" t="s">
        <v>29</v>
      </c>
      <c r="B16" s="17"/>
      <c r="C16" s="13">
        <v>2145</v>
      </c>
      <c r="D16" s="19">
        <v>1074</v>
      </c>
      <c r="E16" s="19">
        <v>1071</v>
      </c>
      <c r="F16" s="19"/>
      <c r="G16" s="18" t="s">
        <v>30</v>
      </c>
      <c r="H16" s="17"/>
      <c r="I16" s="13">
        <v>2962</v>
      </c>
      <c r="J16" s="19">
        <v>1486</v>
      </c>
      <c r="K16" s="19">
        <v>1476</v>
      </c>
    </row>
    <row r="17" spans="1:11" ht="20.100000000000001" customHeight="1">
      <c r="A17" s="20" t="s">
        <v>31</v>
      </c>
      <c r="B17" s="20"/>
      <c r="C17" s="13">
        <v>11156</v>
      </c>
      <c r="D17" s="14">
        <v>5701</v>
      </c>
      <c r="E17" s="14">
        <v>5455</v>
      </c>
      <c r="F17" s="14"/>
      <c r="G17" s="18" t="s">
        <v>32</v>
      </c>
      <c r="H17" s="17"/>
      <c r="I17" s="13">
        <v>14848</v>
      </c>
      <c r="J17" s="14">
        <v>7576</v>
      </c>
      <c r="K17" s="14">
        <v>7272</v>
      </c>
    </row>
    <row r="18" spans="1:11" ht="15" customHeight="1">
      <c r="A18" s="17" t="s">
        <v>33</v>
      </c>
      <c r="B18" s="17"/>
      <c r="C18" s="13">
        <v>2132</v>
      </c>
      <c r="D18" s="19">
        <v>1060</v>
      </c>
      <c r="E18" s="19">
        <v>1072</v>
      </c>
      <c r="F18" s="19"/>
      <c r="G18" s="18" t="s">
        <v>34</v>
      </c>
      <c r="H18" s="17"/>
      <c r="I18" s="13">
        <v>3019</v>
      </c>
      <c r="J18" s="19">
        <v>1525</v>
      </c>
      <c r="K18" s="19">
        <v>1494</v>
      </c>
    </row>
    <row r="19" spans="1:11" ht="15" customHeight="1">
      <c r="A19" s="17" t="s">
        <v>35</v>
      </c>
      <c r="B19" s="17"/>
      <c r="C19" s="13">
        <v>2196</v>
      </c>
      <c r="D19" s="19">
        <v>1149</v>
      </c>
      <c r="E19" s="19">
        <v>1047</v>
      </c>
      <c r="F19" s="19"/>
      <c r="G19" s="18" t="s">
        <v>36</v>
      </c>
      <c r="H19" s="17"/>
      <c r="I19" s="13">
        <v>2764</v>
      </c>
      <c r="J19" s="19">
        <v>1402</v>
      </c>
      <c r="K19" s="19">
        <v>1362</v>
      </c>
    </row>
    <row r="20" spans="1:11" ht="15" customHeight="1">
      <c r="A20" s="17" t="s">
        <v>37</v>
      </c>
      <c r="B20" s="17"/>
      <c r="C20" s="13">
        <v>2315</v>
      </c>
      <c r="D20" s="19">
        <v>1173</v>
      </c>
      <c r="E20" s="19">
        <v>1142</v>
      </c>
      <c r="F20" s="19"/>
      <c r="G20" s="18" t="s">
        <v>38</v>
      </c>
      <c r="H20" s="17"/>
      <c r="I20" s="13">
        <v>2880</v>
      </c>
      <c r="J20" s="19">
        <v>1480</v>
      </c>
      <c r="K20" s="19">
        <v>1400</v>
      </c>
    </row>
    <row r="21" spans="1:11" ht="15" customHeight="1">
      <c r="A21" s="17" t="s">
        <v>39</v>
      </c>
      <c r="B21" s="17"/>
      <c r="C21" s="13">
        <v>2183</v>
      </c>
      <c r="D21" s="19">
        <v>1141</v>
      </c>
      <c r="E21" s="19">
        <v>1042</v>
      </c>
      <c r="F21" s="19"/>
      <c r="G21" s="18" t="s">
        <v>40</v>
      </c>
      <c r="H21" s="17"/>
      <c r="I21" s="13">
        <v>3102</v>
      </c>
      <c r="J21" s="19">
        <v>1582</v>
      </c>
      <c r="K21" s="19">
        <v>1520</v>
      </c>
    </row>
    <row r="22" spans="1:11" ht="15" customHeight="1">
      <c r="A22" s="17" t="s">
        <v>41</v>
      </c>
      <c r="B22" s="17"/>
      <c r="C22" s="13">
        <v>2330</v>
      </c>
      <c r="D22" s="19">
        <v>1178</v>
      </c>
      <c r="E22" s="19">
        <v>1152</v>
      </c>
      <c r="F22" s="19"/>
      <c r="G22" s="18" t="s">
        <v>42</v>
      </c>
      <c r="H22" s="17"/>
      <c r="I22" s="13">
        <v>3083</v>
      </c>
      <c r="J22" s="19">
        <v>1587</v>
      </c>
      <c r="K22" s="19">
        <v>1496</v>
      </c>
    </row>
    <row r="23" spans="1:11" ht="20.100000000000001" customHeight="1">
      <c r="A23" s="17" t="s">
        <v>43</v>
      </c>
      <c r="B23" s="17"/>
      <c r="C23" s="13">
        <v>12312</v>
      </c>
      <c r="D23" s="14">
        <v>6318</v>
      </c>
      <c r="E23" s="14">
        <v>5994</v>
      </c>
      <c r="F23" s="14"/>
      <c r="G23" s="18" t="s">
        <v>44</v>
      </c>
      <c r="H23" s="17"/>
      <c r="I23" s="13">
        <v>18819</v>
      </c>
      <c r="J23" s="14">
        <v>9148</v>
      </c>
      <c r="K23" s="14">
        <v>9671</v>
      </c>
    </row>
    <row r="24" spans="1:11" ht="15" customHeight="1">
      <c r="A24" s="17" t="s">
        <v>45</v>
      </c>
      <c r="B24" s="17"/>
      <c r="C24" s="13">
        <v>2434</v>
      </c>
      <c r="D24" s="19">
        <v>1262</v>
      </c>
      <c r="E24" s="19">
        <v>1172</v>
      </c>
      <c r="F24" s="19"/>
      <c r="G24" s="18" t="s">
        <v>46</v>
      </c>
      <c r="H24" s="17"/>
      <c r="I24" s="13">
        <v>3217</v>
      </c>
      <c r="J24" s="19">
        <v>1580</v>
      </c>
      <c r="K24" s="19">
        <v>1637</v>
      </c>
    </row>
    <row r="25" spans="1:11" ht="15" customHeight="1">
      <c r="A25" s="17" t="s">
        <v>47</v>
      </c>
      <c r="B25" s="17"/>
      <c r="C25" s="13">
        <v>2262</v>
      </c>
      <c r="D25" s="19">
        <v>1158</v>
      </c>
      <c r="E25" s="19">
        <v>1104</v>
      </c>
      <c r="F25" s="19"/>
      <c r="G25" s="18" t="s">
        <v>48</v>
      </c>
      <c r="H25" s="17"/>
      <c r="I25" s="13">
        <v>3448</v>
      </c>
      <c r="J25" s="19">
        <v>1706</v>
      </c>
      <c r="K25" s="19">
        <v>1742</v>
      </c>
    </row>
    <row r="26" spans="1:11" ht="15" customHeight="1">
      <c r="A26" s="17" t="s">
        <v>49</v>
      </c>
      <c r="B26" s="17"/>
      <c r="C26" s="13">
        <v>2447</v>
      </c>
      <c r="D26" s="19">
        <v>1272</v>
      </c>
      <c r="E26" s="19">
        <v>1175</v>
      </c>
      <c r="F26" s="19"/>
      <c r="G26" s="18" t="s">
        <v>50</v>
      </c>
      <c r="H26" s="17"/>
      <c r="I26" s="13">
        <v>3658</v>
      </c>
      <c r="J26" s="19">
        <v>1736</v>
      </c>
      <c r="K26" s="19">
        <v>1922</v>
      </c>
    </row>
    <row r="27" spans="1:11" ht="15" customHeight="1">
      <c r="A27" s="17" t="s">
        <v>51</v>
      </c>
      <c r="B27" s="17"/>
      <c r="C27" s="13">
        <v>2587</v>
      </c>
      <c r="D27" s="19">
        <v>1323</v>
      </c>
      <c r="E27" s="19">
        <v>1264</v>
      </c>
      <c r="F27" s="19"/>
      <c r="G27" s="18" t="s">
        <v>52</v>
      </c>
      <c r="H27" s="17"/>
      <c r="I27" s="13">
        <v>4019</v>
      </c>
      <c r="J27" s="19">
        <v>2029</v>
      </c>
      <c r="K27" s="19">
        <v>1990</v>
      </c>
    </row>
    <row r="28" spans="1:11" ht="15" customHeight="1">
      <c r="A28" s="17" t="s">
        <v>53</v>
      </c>
      <c r="B28" s="17"/>
      <c r="C28" s="13">
        <v>2582</v>
      </c>
      <c r="D28" s="19">
        <v>1303</v>
      </c>
      <c r="E28" s="19">
        <v>1279</v>
      </c>
      <c r="F28" s="19"/>
      <c r="G28" s="18" t="s">
        <v>54</v>
      </c>
      <c r="H28" s="17"/>
      <c r="I28" s="13">
        <v>4477</v>
      </c>
      <c r="J28" s="19">
        <v>2097</v>
      </c>
      <c r="K28" s="19">
        <v>2380</v>
      </c>
    </row>
    <row r="29" spans="1:11" ht="20.100000000000001" customHeight="1">
      <c r="A29" s="17" t="s">
        <v>55</v>
      </c>
      <c r="B29" s="17"/>
      <c r="C29" s="13">
        <v>13821</v>
      </c>
      <c r="D29" s="14">
        <v>7644</v>
      </c>
      <c r="E29" s="14">
        <v>6177</v>
      </c>
      <c r="F29" s="14"/>
      <c r="G29" s="18" t="s">
        <v>56</v>
      </c>
      <c r="H29" s="17"/>
      <c r="I29" s="13">
        <v>17294</v>
      </c>
      <c r="J29" s="14">
        <v>8331</v>
      </c>
      <c r="K29" s="14">
        <v>8963</v>
      </c>
    </row>
    <row r="30" spans="1:11" ht="15" customHeight="1">
      <c r="A30" s="17" t="s">
        <v>57</v>
      </c>
      <c r="B30" s="17"/>
      <c r="C30" s="13">
        <v>2617</v>
      </c>
      <c r="D30" s="19">
        <v>1392</v>
      </c>
      <c r="E30" s="19">
        <v>1225</v>
      </c>
      <c r="F30" s="19"/>
      <c r="G30" s="18" t="s">
        <v>58</v>
      </c>
      <c r="H30" s="17"/>
      <c r="I30" s="13">
        <v>4204</v>
      </c>
      <c r="J30" s="19">
        <v>2061</v>
      </c>
      <c r="K30" s="19">
        <v>2143</v>
      </c>
    </row>
    <row r="31" spans="1:11" ht="15" customHeight="1">
      <c r="A31" s="17" t="s">
        <v>59</v>
      </c>
      <c r="B31" s="17"/>
      <c r="C31" s="13">
        <v>2612</v>
      </c>
      <c r="D31" s="19">
        <v>1380</v>
      </c>
      <c r="E31" s="19">
        <v>1232</v>
      </c>
      <c r="F31" s="19"/>
      <c r="G31" s="18" t="s">
        <v>60</v>
      </c>
      <c r="H31" s="17"/>
      <c r="I31" s="13">
        <v>4279</v>
      </c>
      <c r="J31" s="19">
        <v>2058</v>
      </c>
      <c r="K31" s="19">
        <v>2221</v>
      </c>
    </row>
    <row r="32" spans="1:11" ht="15" customHeight="1">
      <c r="A32" s="17" t="s">
        <v>61</v>
      </c>
      <c r="B32" s="17"/>
      <c r="C32" s="13">
        <v>3054</v>
      </c>
      <c r="D32" s="19">
        <v>1682</v>
      </c>
      <c r="E32" s="19">
        <v>1372</v>
      </c>
      <c r="F32" s="19"/>
      <c r="G32" s="18" t="s">
        <v>62</v>
      </c>
      <c r="H32" s="17"/>
      <c r="I32" s="13">
        <v>3001</v>
      </c>
      <c r="J32" s="19">
        <v>1432</v>
      </c>
      <c r="K32" s="19">
        <v>1569</v>
      </c>
    </row>
    <row r="33" spans="1:11" ht="15" customHeight="1">
      <c r="A33" s="17" t="s">
        <v>63</v>
      </c>
      <c r="B33" s="17"/>
      <c r="C33" s="13">
        <v>2650</v>
      </c>
      <c r="D33" s="19">
        <v>1538</v>
      </c>
      <c r="E33" s="19">
        <v>1112</v>
      </c>
      <c r="F33" s="19"/>
      <c r="G33" s="18" t="s">
        <v>64</v>
      </c>
      <c r="H33" s="17"/>
      <c r="I33" s="13">
        <v>2549</v>
      </c>
      <c r="J33" s="19">
        <v>1215</v>
      </c>
      <c r="K33" s="19">
        <v>1334</v>
      </c>
    </row>
    <row r="34" spans="1:11" ht="15" customHeight="1">
      <c r="A34" s="17" t="s">
        <v>65</v>
      </c>
      <c r="B34" s="17"/>
      <c r="C34" s="13">
        <v>2888</v>
      </c>
      <c r="D34" s="19">
        <v>1652</v>
      </c>
      <c r="E34" s="19">
        <v>1236</v>
      </c>
      <c r="F34" s="19"/>
      <c r="G34" s="18" t="s">
        <v>66</v>
      </c>
      <c r="H34" s="17"/>
      <c r="I34" s="13">
        <v>3261</v>
      </c>
      <c r="J34" s="19">
        <v>1565</v>
      </c>
      <c r="K34" s="19">
        <v>1696</v>
      </c>
    </row>
    <row r="35" spans="1:11" ht="20.100000000000001" customHeight="1">
      <c r="A35" s="17" t="s">
        <v>67</v>
      </c>
      <c r="B35" s="17"/>
      <c r="C35" s="13">
        <v>12124</v>
      </c>
      <c r="D35" s="14">
        <v>6410</v>
      </c>
      <c r="E35" s="14">
        <v>5714</v>
      </c>
      <c r="F35" s="14"/>
      <c r="G35" s="18" t="s">
        <v>68</v>
      </c>
      <c r="H35" s="17"/>
      <c r="I35" s="13">
        <v>14856</v>
      </c>
      <c r="J35" s="14">
        <v>6837</v>
      </c>
      <c r="K35" s="14">
        <v>8019</v>
      </c>
    </row>
    <row r="36" spans="1:11" ht="15" customHeight="1">
      <c r="A36" s="17" t="s">
        <v>69</v>
      </c>
      <c r="B36" s="17"/>
      <c r="C36" s="13">
        <v>2706</v>
      </c>
      <c r="D36" s="19">
        <v>1510</v>
      </c>
      <c r="E36" s="19">
        <v>1196</v>
      </c>
      <c r="F36" s="19"/>
      <c r="G36" s="18" t="s">
        <v>70</v>
      </c>
      <c r="H36" s="17"/>
      <c r="I36" s="13">
        <v>3399</v>
      </c>
      <c r="J36" s="19">
        <v>1590</v>
      </c>
      <c r="K36" s="19">
        <v>1809</v>
      </c>
    </row>
    <row r="37" spans="1:11" ht="15" customHeight="1">
      <c r="A37" s="17" t="s">
        <v>71</v>
      </c>
      <c r="B37" s="17"/>
      <c r="C37" s="13">
        <v>2392</v>
      </c>
      <c r="D37" s="19">
        <v>1260</v>
      </c>
      <c r="E37" s="19">
        <v>1132</v>
      </c>
      <c r="F37" s="19"/>
      <c r="G37" s="18" t="s">
        <v>72</v>
      </c>
      <c r="H37" s="17"/>
      <c r="I37" s="13">
        <v>3194</v>
      </c>
      <c r="J37" s="19">
        <v>1464</v>
      </c>
      <c r="K37" s="19">
        <v>1730</v>
      </c>
    </row>
    <row r="38" spans="1:11" ht="15" customHeight="1">
      <c r="A38" s="17" t="s">
        <v>73</v>
      </c>
      <c r="B38" s="17"/>
      <c r="C38" s="13">
        <v>2351</v>
      </c>
      <c r="D38" s="19">
        <v>1193</v>
      </c>
      <c r="E38" s="19">
        <v>1158</v>
      </c>
      <c r="F38" s="19"/>
      <c r="G38" s="18" t="s">
        <v>74</v>
      </c>
      <c r="H38" s="17"/>
      <c r="I38" s="13">
        <v>3184</v>
      </c>
      <c r="J38" s="19">
        <v>1444</v>
      </c>
      <c r="K38" s="19">
        <v>1740</v>
      </c>
    </row>
    <row r="39" spans="1:11" ht="15" customHeight="1">
      <c r="A39" s="17" t="s">
        <v>75</v>
      </c>
      <c r="B39" s="17"/>
      <c r="C39" s="13">
        <v>2314</v>
      </c>
      <c r="D39" s="19">
        <v>1242</v>
      </c>
      <c r="E39" s="19">
        <v>1072</v>
      </c>
      <c r="F39" s="19"/>
      <c r="G39" s="18" t="s">
        <v>76</v>
      </c>
      <c r="H39" s="17"/>
      <c r="I39" s="13">
        <v>2820</v>
      </c>
      <c r="J39" s="19">
        <v>1273</v>
      </c>
      <c r="K39" s="19">
        <v>1547</v>
      </c>
    </row>
    <row r="40" spans="1:11" ht="15" customHeight="1">
      <c r="A40" s="17" t="s">
        <v>77</v>
      </c>
      <c r="B40" s="17"/>
      <c r="C40" s="13">
        <v>2361</v>
      </c>
      <c r="D40" s="19">
        <v>1205</v>
      </c>
      <c r="E40" s="19">
        <v>1156</v>
      </c>
      <c r="F40" s="19"/>
      <c r="G40" s="18" t="s">
        <v>78</v>
      </c>
      <c r="H40" s="17"/>
      <c r="I40" s="13">
        <v>2259</v>
      </c>
      <c r="J40" s="19">
        <v>1066</v>
      </c>
      <c r="K40" s="19">
        <v>1193</v>
      </c>
    </row>
    <row r="41" spans="1:11" ht="20.100000000000001" customHeight="1">
      <c r="A41" s="17" t="s">
        <v>79</v>
      </c>
      <c r="B41" s="17"/>
      <c r="C41" s="13">
        <v>13213</v>
      </c>
      <c r="D41" s="14">
        <v>6908</v>
      </c>
      <c r="E41" s="14">
        <v>6305</v>
      </c>
      <c r="F41" s="14"/>
      <c r="G41" s="18" t="s">
        <v>80</v>
      </c>
      <c r="H41" s="17"/>
      <c r="I41" s="13">
        <v>9968</v>
      </c>
      <c r="J41" s="14">
        <v>4326</v>
      </c>
      <c r="K41" s="14">
        <v>5642</v>
      </c>
    </row>
    <row r="42" spans="1:11" ht="15" customHeight="1">
      <c r="A42" s="17" t="s">
        <v>81</v>
      </c>
      <c r="B42" s="17"/>
      <c r="C42" s="13">
        <v>2439</v>
      </c>
      <c r="D42" s="19">
        <v>1272</v>
      </c>
      <c r="E42" s="19">
        <v>1167</v>
      </c>
      <c r="F42" s="19"/>
      <c r="G42" s="18" t="s">
        <v>82</v>
      </c>
      <c r="H42" s="17"/>
      <c r="I42" s="13">
        <v>1975</v>
      </c>
      <c r="J42" s="19">
        <v>891</v>
      </c>
      <c r="K42" s="19">
        <v>1084</v>
      </c>
    </row>
    <row r="43" spans="1:11" ht="15" customHeight="1">
      <c r="A43" s="17" t="s">
        <v>83</v>
      </c>
      <c r="B43" s="17"/>
      <c r="C43" s="13">
        <v>2553</v>
      </c>
      <c r="D43" s="19">
        <v>1344</v>
      </c>
      <c r="E43" s="19">
        <v>1209</v>
      </c>
      <c r="F43" s="19"/>
      <c r="G43" s="18" t="s">
        <v>84</v>
      </c>
      <c r="H43" s="17"/>
      <c r="I43" s="13">
        <v>2376</v>
      </c>
      <c r="J43" s="19">
        <v>1083</v>
      </c>
      <c r="K43" s="19">
        <v>1293</v>
      </c>
    </row>
    <row r="44" spans="1:11" ht="15" customHeight="1">
      <c r="A44" s="17" t="s">
        <v>85</v>
      </c>
      <c r="B44" s="17"/>
      <c r="C44" s="13">
        <v>2650</v>
      </c>
      <c r="D44" s="19">
        <v>1420</v>
      </c>
      <c r="E44" s="19">
        <v>1230</v>
      </c>
      <c r="F44" s="19"/>
      <c r="G44" s="18" t="s">
        <v>86</v>
      </c>
      <c r="H44" s="17"/>
      <c r="I44" s="13">
        <v>1995</v>
      </c>
      <c r="J44" s="19">
        <v>851</v>
      </c>
      <c r="K44" s="19">
        <v>1144</v>
      </c>
    </row>
    <row r="45" spans="1:11" ht="15" customHeight="1">
      <c r="A45" s="17" t="s">
        <v>87</v>
      </c>
      <c r="B45" s="17"/>
      <c r="C45" s="13">
        <v>2771</v>
      </c>
      <c r="D45" s="19">
        <v>1436</v>
      </c>
      <c r="E45" s="19">
        <v>1335</v>
      </c>
      <c r="F45" s="19"/>
      <c r="G45" s="18" t="s">
        <v>88</v>
      </c>
      <c r="H45" s="17"/>
      <c r="I45" s="13">
        <v>2011</v>
      </c>
      <c r="J45" s="19">
        <v>869</v>
      </c>
      <c r="K45" s="19">
        <v>1142</v>
      </c>
    </row>
    <row r="46" spans="1:11" ht="15" customHeight="1">
      <c r="A46" s="17" t="s">
        <v>89</v>
      </c>
      <c r="B46" s="17"/>
      <c r="C46" s="13">
        <v>2800</v>
      </c>
      <c r="D46" s="19">
        <v>1436</v>
      </c>
      <c r="E46" s="19">
        <v>1364</v>
      </c>
      <c r="F46" s="19"/>
      <c r="G46" s="18" t="s">
        <v>90</v>
      </c>
      <c r="H46" s="17"/>
      <c r="I46" s="13">
        <v>1611</v>
      </c>
      <c r="J46" s="19">
        <v>632</v>
      </c>
      <c r="K46" s="19">
        <v>979</v>
      </c>
    </row>
    <row r="47" spans="1:11" ht="20.100000000000001" customHeight="1">
      <c r="A47" s="17" t="s">
        <v>91</v>
      </c>
      <c r="B47" s="17"/>
      <c r="C47" s="13">
        <v>15171</v>
      </c>
      <c r="D47" s="14">
        <v>7908</v>
      </c>
      <c r="E47" s="14">
        <v>7263</v>
      </c>
      <c r="F47" s="14"/>
      <c r="G47" s="18" t="s">
        <v>92</v>
      </c>
      <c r="H47" s="17"/>
      <c r="I47" s="13">
        <v>6042</v>
      </c>
      <c r="J47" s="14">
        <v>2187</v>
      </c>
      <c r="K47" s="14">
        <v>3855</v>
      </c>
    </row>
    <row r="48" spans="1:11" ht="15" customHeight="1">
      <c r="A48" s="17" t="s">
        <v>93</v>
      </c>
      <c r="B48" s="17"/>
      <c r="C48" s="13">
        <v>2932</v>
      </c>
      <c r="D48" s="19">
        <v>1548</v>
      </c>
      <c r="E48" s="19">
        <v>1384</v>
      </c>
      <c r="F48" s="19"/>
      <c r="G48" s="18" t="s">
        <v>94</v>
      </c>
      <c r="H48" s="17"/>
      <c r="I48" s="13">
        <v>1412</v>
      </c>
      <c r="J48" s="19">
        <v>532</v>
      </c>
      <c r="K48" s="19">
        <v>880</v>
      </c>
    </row>
    <row r="49" spans="1:11" ht="15" customHeight="1">
      <c r="A49" s="17" t="s">
        <v>95</v>
      </c>
      <c r="B49" s="17"/>
      <c r="C49" s="13">
        <v>2947</v>
      </c>
      <c r="D49" s="19">
        <v>1608</v>
      </c>
      <c r="E49" s="19">
        <v>1339</v>
      </c>
      <c r="F49" s="19"/>
      <c r="G49" s="18" t="s">
        <v>96</v>
      </c>
      <c r="H49" s="17"/>
      <c r="I49" s="13">
        <v>1392</v>
      </c>
      <c r="J49" s="19">
        <v>549</v>
      </c>
      <c r="K49" s="19">
        <v>843</v>
      </c>
    </row>
    <row r="50" spans="1:11" ht="15" customHeight="1">
      <c r="A50" s="17" t="s">
        <v>97</v>
      </c>
      <c r="B50" s="17"/>
      <c r="C50" s="13">
        <v>2914</v>
      </c>
      <c r="D50" s="19">
        <v>1440</v>
      </c>
      <c r="E50" s="19">
        <v>1474</v>
      </c>
      <c r="F50" s="19"/>
      <c r="G50" s="18" t="s">
        <v>98</v>
      </c>
      <c r="H50" s="17"/>
      <c r="I50" s="13">
        <v>1222</v>
      </c>
      <c r="J50" s="19">
        <v>414</v>
      </c>
      <c r="K50" s="19">
        <v>808</v>
      </c>
    </row>
    <row r="51" spans="1:11" ht="15" customHeight="1">
      <c r="A51" s="17" t="s">
        <v>99</v>
      </c>
      <c r="B51" s="17"/>
      <c r="C51" s="13">
        <v>3062</v>
      </c>
      <c r="D51" s="19">
        <v>1613</v>
      </c>
      <c r="E51" s="19">
        <v>1449</v>
      </c>
      <c r="F51" s="19"/>
      <c r="G51" s="18" t="s">
        <v>100</v>
      </c>
      <c r="H51" s="17"/>
      <c r="I51" s="13">
        <v>1092</v>
      </c>
      <c r="J51" s="19">
        <v>359</v>
      </c>
      <c r="K51" s="19">
        <v>733</v>
      </c>
    </row>
    <row r="52" spans="1:11" ht="15" customHeight="1">
      <c r="A52" s="17" t="s">
        <v>101</v>
      </c>
      <c r="B52" s="17"/>
      <c r="C52" s="13">
        <v>3316</v>
      </c>
      <c r="D52" s="19">
        <v>1699</v>
      </c>
      <c r="E52" s="19">
        <v>1617</v>
      </c>
      <c r="F52" s="19"/>
      <c r="G52" s="18" t="s">
        <v>102</v>
      </c>
      <c r="H52" s="17"/>
      <c r="I52" s="13">
        <v>924</v>
      </c>
      <c r="J52" s="19">
        <v>333</v>
      </c>
      <c r="K52" s="19">
        <v>591</v>
      </c>
    </row>
    <row r="53" spans="1:11" ht="20.100000000000001" customHeight="1">
      <c r="A53" s="17" t="s">
        <v>103</v>
      </c>
      <c r="B53" s="17"/>
      <c r="C53" s="13">
        <v>18613</v>
      </c>
      <c r="D53" s="14">
        <v>9568</v>
      </c>
      <c r="E53" s="14">
        <v>9045</v>
      </c>
      <c r="F53" s="14"/>
      <c r="G53" s="18" t="s">
        <v>104</v>
      </c>
      <c r="H53" s="17"/>
      <c r="I53" s="13">
        <v>3011</v>
      </c>
      <c r="J53" s="14">
        <v>910</v>
      </c>
      <c r="K53" s="14">
        <v>2101</v>
      </c>
    </row>
    <row r="54" spans="1:11" ht="15" customHeight="1">
      <c r="A54" s="17" t="s">
        <v>105</v>
      </c>
      <c r="B54" s="17"/>
      <c r="C54" s="13">
        <v>3421</v>
      </c>
      <c r="D54" s="19">
        <v>1736</v>
      </c>
      <c r="E54" s="19">
        <v>1685</v>
      </c>
      <c r="F54" s="19"/>
      <c r="G54" s="18" t="s">
        <v>106</v>
      </c>
      <c r="H54" s="17"/>
      <c r="I54" s="13">
        <v>798</v>
      </c>
      <c r="J54" s="19">
        <v>243</v>
      </c>
      <c r="K54" s="19">
        <v>555</v>
      </c>
    </row>
    <row r="55" spans="1:11" ht="15" customHeight="1">
      <c r="A55" s="17" t="s">
        <v>107</v>
      </c>
      <c r="B55" s="17"/>
      <c r="C55" s="13">
        <v>3548</v>
      </c>
      <c r="D55" s="19">
        <v>1826</v>
      </c>
      <c r="E55" s="19">
        <v>1722</v>
      </c>
      <c r="F55" s="19"/>
      <c r="G55" s="18" t="s">
        <v>108</v>
      </c>
      <c r="H55" s="17"/>
      <c r="I55" s="13">
        <v>663</v>
      </c>
      <c r="J55" s="19">
        <v>216</v>
      </c>
      <c r="K55" s="19">
        <v>447</v>
      </c>
    </row>
    <row r="56" spans="1:11" ht="15" customHeight="1">
      <c r="A56" s="17" t="s">
        <v>109</v>
      </c>
      <c r="B56" s="17"/>
      <c r="C56" s="13">
        <v>3576</v>
      </c>
      <c r="D56" s="19">
        <v>1893</v>
      </c>
      <c r="E56" s="19">
        <v>1683</v>
      </c>
      <c r="F56" s="19"/>
      <c r="G56" s="18" t="s">
        <v>110</v>
      </c>
      <c r="H56" s="17"/>
      <c r="I56" s="13">
        <v>592</v>
      </c>
      <c r="J56" s="19">
        <v>199</v>
      </c>
      <c r="K56" s="19">
        <v>393</v>
      </c>
    </row>
    <row r="57" spans="1:11" ht="15" customHeight="1">
      <c r="A57" s="17" t="s">
        <v>111</v>
      </c>
      <c r="B57" s="17"/>
      <c r="C57" s="13">
        <v>3864</v>
      </c>
      <c r="D57" s="19">
        <v>1948</v>
      </c>
      <c r="E57" s="19">
        <v>1916</v>
      </c>
      <c r="F57" s="19"/>
      <c r="G57" s="18" t="s">
        <v>112</v>
      </c>
      <c r="H57" s="17"/>
      <c r="I57" s="13">
        <v>595</v>
      </c>
      <c r="J57" s="19">
        <v>159</v>
      </c>
      <c r="K57" s="19">
        <v>436</v>
      </c>
    </row>
    <row r="58" spans="1:11" ht="15" customHeight="1">
      <c r="A58" s="17" t="s">
        <v>113</v>
      </c>
      <c r="B58" s="17"/>
      <c r="C58" s="13">
        <v>4204</v>
      </c>
      <c r="D58" s="19">
        <v>2165</v>
      </c>
      <c r="E58" s="19">
        <v>2039</v>
      </c>
      <c r="F58" s="19"/>
      <c r="G58" s="18" t="s">
        <v>114</v>
      </c>
      <c r="H58" s="17"/>
      <c r="I58" s="13">
        <v>363</v>
      </c>
      <c r="J58" s="19">
        <v>93</v>
      </c>
      <c r="K58" s="19">
        <v>270</v>
      </c>
    </row>
    <row r="59" spans="1:11" ht="20.100000000000001" customHeight="1">
      <c r="A59" s="17" t="s">
        <v>115</v>
      </c>
      <c r="B59" s="17"/>
      <c r="C59" s="13">
        <v>20942</v>
      </c>
      <c r="D59" s="14">
        <v>10812</v>
      </c>
      <c r="E59" s="14">
        <v>10130</v>
      </c>
      <c r="F59" s="14"/>
      <c r="G59" s="18" t="s">
        <v>116</v>
      </c>
      <c r="H59" s="17"/>
      <c r="I59" s="13">
        <v>913</v>
      </c>
      <c r="J59" s="14">
        <v>183</v>
      </c>
      <c r="K59" s="14">
        <v>730</v>
      </c>
    </row>
    <row r="60" spans="1:11" ht="15" customHeight="1">
      <c r="A60" s="17" t="s">
        <v>117</v>
      </c>
      <c r="B60" s="17"/>
      <c r="C60" s="13">
        <v>4260</v>
      </c>
      <c r="D60" s="19">
        <v>2203</v>
      </c>
      <c r="E60" s="19">
        <v>2057</v>
      </c>
      <c r="F60" s="19"/>
      <c r="G60" s="18" t="s">
        <v>118</v>
      </c>
      <c r="H60" s="17"/>
      <c r="I60" s="13">
        <v>297</v>
      </c>
      <c r="J60" s="19">
        <v>58</v>
      </c>
      <c r="K60" s="19">
        <v>239</v>
      </c>
    </row>
    <row r="61" spans="1:11" ht="15" customHeight="1">
      <c r="A61" s="17" t="s">
        <v>119</v>
      </c>
      <c r="B61" s="17"/>
      <c r="C61" s="13">
        <v>4259</v>
      </c>
      <c r="D61" s="19">
        <v>2181</v>
      </c>
      <c r="E61" s="19">
        <v>2078</v>
      </c>
      <c r="F61" s="19"/>
      <c r="G61" s="18" t="s">
        <v>120</v>
      </c>
      <c r="H61" s="17"/>
      <c r="I61" s="13">
        <v>224</v>
      </c>
      <c r="J61" s="19">
        <v>64</v>
      </c>
      <c r="K61" s="19">
        <v>160</v>
      </c>
    </row>
    <row r="62" spans="1:11" ht="15" customHeight="1">
      <c r="A62" s="17" t="s">
        <v>121</v>
      </c>
      <c r="B62" s="17"/>
      <c r="C62" s="13">
        <v>4231</v>
      </c>
      <c r="D62" s="19">
        <v>2204</v>
      </c>
      <c r="E62" s="19">
        <v>2027</v>
      </c>
      <c r="F62" s="19"/>
      <c r="G62" s="18" t="s">
        <v>122</v>
      </c>
      <c r="H62" s="17"/>
      <c r="I62" s="13">
        <v>121</v>
      </c>
      <c r="J62" s="19">
        <v>17</v>
      </c>
      <c r="K62" s="19">
        <v>104</v>
      </c>
    </row>
    <row r="63" spans="1:11" ht="15" customHeight="1">
      <c r="A63" s="17" t="s">
        <v>123</v>
      </c>
      <c r="B63" s="17"/>
      <c r="C63" s="13">
        <v>4135</v>
      </c>
      <c r="D63" s="19">
        <v>2144</v>
      </c>
      <c r="E63" s="19">
        <v>1991</v>
      </c>
      <c r="F63" s="19"/>
      <c r="G63" s="18" t="s">
        <v>124</v>
      </c>
      <c r="H63" s="17"/>
      <c r="I63" s="13">
        <v>190</v>
      </c>
      <c r="J63" s="19">
        <v>30</v>
      </c>
      <c r="K63" s="19">
        <v>160</v>
      </c>
    </row>
    <row r="64" spans="1:11" ht="15" customHeight="1">
      <c r="A64" s="17" t="s">
        <v>125</v>
      </c>
      <c r="B64" s="17"/>
      <c r="C64" s="13">
        <v>4057</v>
      </c>
      <c r="D64" s="19">
        <v>2080</v>
      </c>
      <c r="E64" s="19">
        <v>1977</v>
      </c>
      <c r="F64" s="19"/>
      <c r="G64" s="18" t="s">
        <v>126</v>
      </c>
      <c r="H64" s="17"/>
      <c r="I64" s="13">
        <v>81</v>
      </c>
      <c r="J64" s="19">
        <v>14</v>
      </c>
      <c r="K64" s="19">
        <v>6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26</v>
      </c>
      <c r="J65" s="19">
        <v>35</v>
      </c>
      <c r="K65" s="19">
        <v>19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822</v>
      </c>
      <c r="J66" s="29">
        <v>1170</v>
      </c>
      <c r="K66" s="29">
        <v>65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8" pageOrder="overThenDown" orientation="portrait" blackAndWhite="1" useFirstPageNumber="1" horizontalDpi="300" verticalDpi="300"/>
  <headerFooter scaleWithDoc="0"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32095</v>
      </c>
      <c r="D4" s="14">
        <v>213588</v>
      </c>
      <c r="E4" s="14">
        <v>21850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8101</v>
      </c>
      <c r="D5" s="14">
        <v>9219</v>
      </c>
      <c r="E5" s="14">
        <v>8882</v>
      </c>
      <c r="F5" s="14"/>
      <c r="G5" s="18" t="s">
        <v>8</v>
      </c>
      <c r="H5" s="17"/>
      <c r="I5" s="13">
        <v>32583</v>
      </c>
      <c r="J5" s="14">
        <v>16940</v>
      </c>
      <c r="K5" s="14">
        <v>15643</v>
      </c>
    </row>
    <row r="6" spans="1:11" ht="15" customHeight="1">
      <c r="A6" s="17" t="s">
        <v>9</v>
      </c>
      <c r="B6" s="17"/>
      <c r="C6" s="13">
        <v>3491</v>
      </c>
      <c r="D6" s="19">
        <v>1759</v>
      </c>
      <c r="E6" s="19">
        <v>1732</v>
      </c>
      <c r="F6" s="19"/>
      <c r="G6" s="18" t="s">
        <v>10</v>
      </c>
      <c r="H6" s="17"/>
      <c r="I6" s="13">
        <v>7271</v>
      </c>
      <c r="J6" s="19">
        <v>3672</v>
      </c>
      <c r="K6" s="19">
        <v>3599</v>
      </c>
    </row>
    <row r="7" spans="1:11" ht="15" customHeight="1">
      <c r="A7" s="17" t="s">
        <v>11</v>
      </c>
      <c r="B7" s="17"/>
      <c r="C7" s="13">
        <v>3473</v>
      </c>
      <c r="D7" s="19">
        <v>1743</v>
      </c>
      <c r="E7" s="19">
        <v>1730</v>
      </c>
      <c r="F7" s="19"/>
      <c r="G7" s="18" t="s">
        <v>12</v>
      </c>
      <c r="H7" s="17"/>
      <c r="I7" s="13">
        <v>7371</v>
      </c>
      <c r="J7" s="19">
        <v>3921</v>
      </c>
      <c r="K7" s="19">
        <v>3450</v>
      </c>
    </row>
    <row r="8" spans="1:11" ht="15" customHeight="1">
      <c r="A8" s="17" t="s">
        <v>13</v>
      </c>
      <c r="B8" s="17"/>
      <c r="C8" s="13">
        <v>3806</v>
      </c>
      <c r="D8" s="19">
        <v>1977</v>
      </c>
      <c r="E8" s="19">
        <v>1829</v>
      </c>
      <c r="F8" s="19"/>
      <c r="G8" s="18" t="s">
        <v>14</v>
      </c>
      <c r="H8" s="17"/>
      <c r="I8" s="13">
        <v>5168</v>
      </c>
      <c r="J8" s="19">
        <v>2706</v>
      </c>
      <c r="K8" s="19">
        <v>2462</v>
      </c>
    </row>
    <row r="9" spans="1:11" ht="15" customHeight="1">
      <c r="A9" s="17" t="s">
        <v>15</v>
      </c>
      <c r="B9" s="17"/>
      <c r="C9" s="13">
        <v>3620</v>
      </c>
      <c r="D9" s="19">
        <v>1845</v>
      </c>
      <c r="E9" s="19">
        <v>1775</v>
      </c>
      <c r="F9" s="19"/>
      <c r="G9" s="18" t="s">
        <v>16</v>
      </c>
      <c r="H9" s="17"/>
      <c r="I9" s="13">
        <v>6705</v>
      </c>
      <c r="J9" s="19">
        <v>3516</v>
      </c>
      <c r="K9" s="19">
        <v>3189</v>
      </c>
    </row>
    <row r="10" spans="1:11" ht="15" customHeight="1">
      <c r="A10" s="17" t="s">
        <v>17</v>
      </c>
      <c r="B10" s="17"/>
      <c r="C10" s="13">
        <v>3711</v>
      </c>
      <c r="D10" s="19">
        <v>1895</v>
      </c>
      <c r="E10" s="19">
        <v>1816</v>
      </c>
      <c r="F10" s="19"/>
      <c r="G10" s="18" t="s">
        <v>18</v>
      </c>
      <c r="H10" s="17"/>
      <c r="I10" s="13">
        <v>6068</v>
      </c>
      <c r="J10" s="19">
        <v>3125</v>
      </c>
      <c r="K10" s="19">
        <v>2943</v>
      </c>
    </row>
    <row r="11" spans="1:11" ht="20.100000000000001" customHeight="1">
      <c r="A11" s="17" t="s">
        <v>19</v>
      </c>
      <c r="B11" s="17"/>
      <c r="C11" s="13">
        <v>19457</v>
      </c>
      <c r="D11" s="14">
        <v>9929</v>
      </c>
      <c r="E11" s="14">
        <v>9528</v>
      </c>
      <c r="F11" s="14"/>
      <c r="G11" s="18" t="s">
        <v>20</v>
      </c>
      <c r="H11" s="17"/>
      <c r="I11" s="13">
        <v>25785</v>
      </c>
      <c r="J11" s="14">
        <v>13371</v>
      </c>
      <c r="K11" s="14">
        <v>12414</v>
      </c>
    </row>
    <row r="12" spans="1:11" ht="15" customHeight="1">
      <c r="A12" s="17" t="s">
        <v>21</v>
      </c>
      <c r="B12" s="17"/>
      <c r="C12" s="13">
        <v>3839</v>
      </c>
      <c r="D12" s="19">
        <v>1964</v>
      </c>
      <c r="E12" s="19">
        <v>1875</v>
      </c>
      <c r="F12" s="19"/>
      <c r="G12" s="18" t="s">
        <v>22</v>
      </c>
      <c r="H12" s="17"/>
      <c r="I12" s="13">
        <v>5850</v>
      </c>
      <c r="J12" s="19">
        <v>3065</v>
      </c>
      <c r="K12" s="19">
        <v>2785</v>
      </c>
    </row>
    <row r="13" spans="1:11" ht="15" customHeight="1">
      <c r="A13" s="17" t="s">
        <v>23</v>
      </c>
      <c r="B13" s="17"/>
      <c r="C13" s="13">
        <v>3797</v>
      </c>
      <c r="D13" s="19">
        <v>1937</v>
      </c>
      <c r="E13" s="19">
        <v>1860</v>
      </c>
      <c r="F13" s="19"/>
      <c r="G13" s="18" t="s">
        <v>24</v>
      </c>
      <c r="H13" s="17"/>
      <c r="I13" s="13">
        <v>5242</v>
      </c>
      <c r="J13" s="19">
        <v>2763</v>
      </c>
      <c r="K13" s="19">
        <v>2479</v>
      </c>
    </row>
    <row r="14" spans="1:11" ht="15" customHeight="1">
      <c r="A14" s="17" t="s">
        <v>25</v>
      </c>
      <c r="B14" s="17"/>
      <c r="C14" s="13">
        <v>3937</v>
      </c>
      <c r="D14" s="19">
        <v>2021</v>
      </c>
      <c r="E14" s="19">
        <v>1916</v>
      </c>
      <c r="F14" s="19"/>
      <c r="G14" s="18" t="s">
        <v>26</v>
      </c>
      <c r="H14" s="17"/>
      <c r="I14" s="13">
        <v>5106</v>
      </c>
      <c r="J14" s="19">
        <v>2615</v>
      </c>
      <c r="K14" s="19">
        <v>2491</v>
      </c>
    </row>
    <row r="15" spans="1:11" ht="15" customHeight="1">
      <c r="A15" s="17" t="s">
        <v>27</v>
      </c>
      <c r="B15" s="17"/>
      <c r="C15" s="13">
        <v>3873</v>
      </c>
      <c r="D15" s="19">
        <v>1968</v>
      </c>
      <c r="E15" s="19">
        <v>1905</v>
      </c>
      <c r="F15" s="19"/>
      <c r="G15" s="18" t="s">
        <v>28</v>
      </c>
      <c r="H15" s="17"/>
      <c r="I15" s="13">
        <v>4949</v>
      </c>
      <c r="J15" s="19">
        <v>2538</v>
      </c>
      <c r="K15" s="19">
        <v>2411</v>
      </c>
    </row>
    <row r="16" spans="1:11" ht="15" customHeight="1">
      <c r="A16" s="17" t="s">
        <v>29</v>
      </c>
      <c r="B16" s="17"/>
      <c r="C16" s="13">
        <v>4011</v>
      </c>
      <c r="D16" s="19">
        <v>2039</v>
      </c>
      <c r="E16" s="19">
        <v>1972</v>
      </c>
      <c r="F16" s="19"/>
      <c r="G16" s="18" t="s">
        <v>30</v>
      </c>
      <c r="H16" s="17"/>
      <c r="I16" s="13">
        <v>4638</v>
      </c>
      <c r="J16" s="19">
        <v>2390</v>
      </c>
      <c r="K16" s="19">
        <v>2248</v>
      </c>
    </row>
    <row r="17" spans="1:11" ht="20.100000000000001" customHeight="1">
      <c r="A17" s="20" t="s">
        <v>31</v>
      </c>
      <c r="B17" s="20"/>
      <c r="C17" s="13">
        <v>19847</v>
      </c>
      <c r="D17" s="14">
        <v>10157</v>
      </c>
      <c r="E17" s="14">
        <v>9690</v>
      </c>
      <c r="F17" s="14"/>
      <c r="G17" s="18" t="s">
        <v>32</v>
      </c>
      <c r="H17" s="17"/>
      <c r="I17" s="13">
        <v>21737</v>
      </c>
      <c r="J17" s="14">
        <v>10855</v>
      </c>
      <c r="K17" s="14">
        <v>10882</v>
      </c>
    </row>
    <row r="18" spans="1:11" ht="15" customHeight="1">
      <c r="A18" s="17" t="s">
        <v>33</v>
      </c>
      <c r="B18" s="17"/>
      <c r="C18" s="13">
        <v>4038</v>
      </c>
      <c r="D18" s="19">
        <v>2073</v>
      </c>
      <c r="E18" s="19">
        <v>1965</v>
      </c>
      <c r="F18" s="19"/>
      <c r="G18" s="18" t="s">
        <v>34</v>
      </c>
      <c r="H18" s="17"/>
      <c r="I18" s="13">
        <v>4591</v>
      </c>
      <c r="J18" s="19">
        <v>2371</v>
      </c>
      <c r="K18" s="19">
        <v>2220</v>
      </c>
    </row>
    <row r="19" spans="1:11" ht="15" customHeight="1">
      <c r="A19" s="17" t="s">
        <v>35</v>
      </c>
      <c r="B19" s="17"/>
      <c r="C19" s="13">
        <v>3994</v>
      </c>
      <c r="D19" s="19">
        <v>2069</v>
      </c>
      <c r="E19" s="19">
        <v>1925</v>
      </c>
      <c r="F19" s="19"/>
      <c r="G19" s="18" t="s">
        <v>36</v>
      </c>
      <c r="H19" s="17"/>
      <c r="I19" s="13">
        <v>4188</v>
      </c>
      <c r="J19" s="19">
        <v>2067</v>
      </c>
      <c r="K19" s="19">
        <v>2121</v>
      </c>
    </row>
    <row r="20" spans="1:11" ht="15" customHeight="1">
      <c r="A20" s="17" t="s">
        <v>37</v>
      </c>
      <c r="B20" s="17"/>
      <c r="C20" s="13">
        <v>3869</v>
      </c>
      <c r="D20" s="19">
        <v>1976</v>
      </c>
      <c r="E20" s="19">
        <v>1893</v>
      </c>
      <c r="F20" s="19"/>
      <c r="G20" s="18" t="s">
        <v>38</v>
      </c>
      <c r="H20" s="17"/>
      <c r="I20" s="13">
        <v>4200</v>
      </c>
      <c r="J20" s="19">
        <v>2089</v>
      </c>
      <c r="K20" s="19">
        <v>2111</v>
      </c>
    </row>
    <row r="21" spans="1:11" ht="15" customHeight="1">
      <c r="A21" s="17" t="s">
        <v>39</v>
      </c>
      <c r="B21" s="17"/>
      <c r="C21" s="13">
        <v>3850</v>
      </c>
      <c r="D21" s="19">
        <v>1964</v>
      </c>
      <c r="E21" s="19">
        <v>1886</v>
      </c>
      <c r="F21" s="19"/>
      <c r="G21" s="18" t="s">
        <v>40</v>
      </c>
      <c r="H21" s="17"/>
      <c r="I21" s="13">
        <v>4377</v>
      </c>
      <c r="J21" s="19">
        <v>2166</v>
      </c>
      <c r="K21" s="19">
        <v>2211</v>
      </c>
    </row>
    <row r="22" spans="1:11" ht="15" customHeight="1">
      <c r="A22" s="17" t="s">
        <v>41</v>
      </c>
      <c r="B22" s="17"/>
      <c r="C22" s="13">
        <v>4096</v>
      </c>
      <c r="D22" s="19">
        <v>2075</v>
      </c>
      <c r="E22" s="19">
        <v>2021</v>
      </c>
      <c r="F22" s="19"/>
      <c r="G22" s="18" t="s">
        <v>42</v>
      </c>
      <c r="H22" s="17"/>
      <c r="I22" s="13">
        <v>4381</v>
      </c>
      <c r="J22" s="19">
        <v>2162</v>
      </c>
      <c r="K22" s="19">
        <v>2219</v>
      </c>
    </row>
    <row r="23" spans="1:11" ht="20.100000000000001" customHeight="1">
      <c r="A23" s="17" t="s">
        <v>43</v>
      </c>
      <c r="B23" s="17"/>
      <c r="C23" s="13">
        <v>20326</v>
      </c>
      <c r="D23" s="14">
        <v>10441</v>
      </c>
      <c r="E23" s="14">
        <v>9885</v>
      </c>
      <c r="F23" s="14"/>
      <c r="G23" s="18" t="s">
        <v>44</v>
      </c>
      <c r="H23" s="17"/>
      <c r="I23" s="13">
        <v>26222</v>
      </c>
      <c r="J23" s="14">
        <v>12357</v>
      </c>
      <c r="K23" s="14">
        <v>13865</v>
      </c>
    </row>
    <row r="24" spans="1:11" ht="15" customHeight="1">
      <c r="A24" s="17" t="s">
        <v>45</v>
      </c>
      <c r="B24" s="17"/>
      <c r="C24" s="13">
        <v>4111</v>
      </c>
      <c r="D24" s="19">
        <v>2093</v>
      </c>
      <c r="E24" s="19">
        <v>2018</v>
      </c>
      <c r="F24" s="19"/>
      <c r="G24" s="18" t="s">
        <v>46</v>
      </c>
      <c r="H24" s="17"/>
      <c r="I24" s="13">
        <v>4376</v>
      </c>
      <c r="J24" s="19">
        <v>2098</v>
      </c>
      <c r="K24" s="19">
        <v>2278</v>
      </c>
    </row>
    <row r="25" spans="1:11" ht="15" customHeight="1">
      <c r="A25" s="17" t="s">
        <v>47</v>
      </c>
      <c r="B25" s="17"/>
      <c r="C25" s="13">
        <v>3940</v>
      </c>
      <c r="D25" s="19">
        <v>2002</v>
      </c>
      <c r="E25" s="19">
        <v>1938</v>
      </c>
      <c r="F25" s="19"/>
      <c r="G25" s="18" t="s">
        <v>48</v>
      </c>
      <c r="H25" s="17"/>
      <c r="I25" s="13">
        <v>4904</v>
      </c>
      <c r="J25" s="19">
        <v>2335</v>
      </c>
      <c r="K25" s="19">
        <v>2569</v>
      </c>
    </row>
    <row r="26" spans="1:11" ht="15" customHeight="1">
      <c r="A26" s="17" t="s">
        <v>49</v>
      </c>
      <c r="B26" s="17"/>
      <c r="C26" s="13">
        <v>3947</v>
      </c>
      <c r="D26" s="19">
        <v>1993</v>
      </c>
      <c r="E26" s="19">
        <v>1954</v>
      </c>
      <c r="F26" s="19"/>
      <c r="G26" s="18" t="s">
        <v>50</v>
      </c>
      <c r="H26" s="17"/>
      <c r="I26" s="13">
        <v>5106</v>
      </c>
      <c r="J26" s="19">
        <v>2372</v>
      </c>
      <c r="K26" s="19">
        <v>2734</v>
      </c>
    </row>
    <row r="27" spans="1:11" ht="15" customHeight="1">
      <c r="A27" s="17" t="s">
        <v>51</v>
      </c>
      <c r="B27" s="17"/>
      <c r="C27" s="13">
        <v>4180</v>
      </c>
      <c r="D27" s="19">
        <v>2198</v>
      </c>
      <c r="E27" s="19">
        <v>1982</v>
      </c>
      <c r="F27" s="19"/>
      <c r="G27" s="18" t="s">
        <v>52</v>
      </c>
      <c r="H27" s="17"/>
      <c r="I27" s="13">
        <v>5534</v>
      </c>
      <c r="J27" s="19">
        <v>2622</v>
      </c>
      <c r="K27" s="19">
        <v>2912</v>
      </c>
    </row>
    <row r="28" spans="1:11" ht="15" customHeight="1">
      <c r="A28" s="17" t="s">
        <v>53</v>
      </c>
      <c r="B28" s="17"/>
      <c r="C28" s="13">
        <v>4148</v>
      </c>
      <c r="D28" s="19">
        <v>2155</v>
      </c>
      <c r="E28" s="19">
        <v>1993</v>
      </c>
      <c r="F28" s="19"/>
      <c r="G28" s="18" t="s">
        <v>54</v>
      </c>
      <c r="H28" s="17"/>
      <c r="I28" s="13">
        <v>6302</v>
      </c>
      <c r="J28" s="19">
        <v>2930</v>
      </c>
      <c r="K28" s="19">
        <v>3372</v>
      </c>
    </row>
    <row r="29" spans="1:11" ht="20.100000000000001" customHeight="1">
      <c r="A29" s="17" t="s">
        <v>55</v>
      </c>
      <c r="B29" s="17"/>
      <c r="C29" s="13">
        <v>23226</v>
      </c>
      <c r="D29" s="14">
        <v>12097</v>
      </c>
      <c r="E29" s="14">
        <v>11129</v>
      </c>
      <c r="F29" s="14"/>
      <c r="G29" s="18" t="s">
        <v>56</v>
      </c>
      <c r="H29" s="17"/>
      <c r="I29" s="13">
        <v>25909</v>
      </c>
      <c r="J29" s="14">
        <v>12058</v>
      </c>
      <c r="K29" s="14">
        <v>13851</v>
      </c>
    </row>
    <row r="30" spans="1:11" ht="15" customHeight="1">
      <c r="A30" s="17" t="s">
        <v>57</v>
      </c>
      <c r="B30" s="17"/>
      <c r="C30" s="13">
        <v>4261</v>
      </c>
      <c r="D30" s="19">
        <v>2241</v>
      </c>
      <c r="E30" s="19">
        <v>2020</v>
      </c>
      <c r="F30" s="19"/>
      <c r="G30" s="18" t="s">
        <v>58</v>
      </c>
      <c r="H30" s="17"/>
      <c r="I30" s="13">
        <v>6318</v>
      </c>
      <c r="J30" s="19">
        <v>2967</v>
      </c>
      <c r="K30" s="19">
        <v>3351</v>
      </c>
    </row>
    <row r="31" spans="1:11" ht="15" customHeight="1">
      <c r="A31" s="17" t="s">
        <v>59</v>
      </c>
      <c r="B31" s="17"/>
      <c r="C31" s="13">
        <v>4588</v>
      </c>
      <c r="D31" s="19">
        <v>2397</v>
      </c>
      <c r="E31" s="19">
        <v>2191</v>
      </c>
      <c r="F31" s="19"/>
      <c r="G31" s="18" t="s">
        <v>60</v>
      </c>
      <c r="H31" s="17"/>
      <c r="I31" s="13">
        <v>6284</v>
      </c>
      <c r="J31" s="19">
        <v>2864</v>
      </c>
      <c r="K31" s="19">
        <v>3420</v>
      </c>
    </row>
    <row r="32" spans="1:11" ht="15" customHeight="1">
      <c r="A32" s="17" t="s">
        <v>61</v>
      </c>
      <c r="B32" s="17"/>
      <c r="C32" s="13">
        <v>4894</v>
      </c>
      <c r="D32" s="19">
        <v>2575</v>
      </c>
      <c r="E32" s="19">
        <v>2319</v>
      </c>
      <c r="F32" s="19"/>
      <c r="G32" s="18" t="s">
        <v>62</v>
      </c>
      <c r="H32" s="17"/>
      <c r="I32" s="13">
        <v>4457</v>
      </c>
      <c r="J32" s="19">
        <v>2121</v>
      </c>
      <c r="K32" s="19">
        <v>2336</v>
      </c>
    </row>
    <row r="33" spans="1:11" ht="15" customHeight="1">
      <c r="A33" s="17" t="s">
        <v>63</v>
      </c>
      <c r="B33" s="17"/>
      <c r="C33" s="13">
        <v>4782</v>
      </c>
      <c r="D33" s="19">
        <v>2447</v>
      </c>
      <c r="E33" s="19">
        <v>2335</v>
      </c>
      <c r="F33" s="19"/>
      <c r="G33" s="18" t="s">
        <v>64</v>
      </c>
      <c r="H33" s="17"/>
      <c r="I33" s="13">
        <v>4050</v>
      </c>
      <c r="J33" s="19">
        <v>1913</v>
      </c>
      <c r="K33" s="19">
        <v>2137</v>
      </c>
    </row>
    <row r="34" spans="1:11" ht="15" customHeight="1">
      <c r="A34" s="17" t="s">
        <v>65</v>
      </c>
      <c r="B34" s="17"/>
      <c r="C34" s="13">
        <v>4701</v>
      </c>
      <c r="D34" s="19">
        <v>2437</v>
      </c>
      <c r="E34" s="19">
        <v>2264</v>
      </c>
      <c r="F34" s="19"/>
      <c r="G34" s="18" t="s">
        <v>66</v>
      </c>
      <c r="H34" s="17"/>
      <c r="I34" s="13">
        <v>4800</v>
      </c>
      <c r="J34" s="19">
        <v>2193</v>
      </c>
      <c r="K34" s="19">
        <v>2607</v>
      </c>
    </row>
    <row r="35" spans="1:11" ht="20.100000000000001" customHeight="1">
      <c r="A35" s="17" t="s">
        <v>67</v>
      </c>
      <c r="B35" s="17"/>
      <c r="C35" s="13">
        <v>21476</v>
      </c>
      <c r="D35" s="14">
        <v>11386</v>
      </c>
      <c r="E35" s="14">
        <v>10090</v>
      </c>
      <c r="F35" s="14"/>
      <c r="G35" s="18" t="s">
        <v>68</v>
      </c>
      <c r="H35" s="17"/>
      <c r="I35" s="13">
        <v>22159</v>
      </c>
      <c r="J35" s="14">
        <v>9993</v>
      </c>
      <c r="K35" s="14">
        <v>12166</v>
      </c>
    </row>
    <row r="36" spans="1:11" ht="15" customHeight="1">
      <c r="A36" s="17" t="s">
        <v>69</v>
      </c>
      <c r="B36" s="17"/>
      <c r="C36" s="13">
        <v>4555</v>
      </c>
      <c r="D36" s="19">
        <v>2425</v>
      </c>
      <c r="E36" s="19">
        <v>2130</v>
      </c>
      <c r="F36" s="19"/>
      <c r="G36" s="18" t="s">
        <v>70</v>
      </c>
      <c r="H36" s="17"/>
      <c r="I36" s="13">
        <v>4955</v>
      </c>
      <c r="J36" s="19">
        <v>2224</v>
      </c>
      <c r="K36" s="19">
        <v>2731</v>
      </c>
    </row>
    <row r="37" spans="1:11" ht="15" customHeight="1">
      <c r="A37" s="17" t="s">
        <v>71</v>
      </c>
      <c r="B37" s="17"/>
      <c r="C37" s="13">
        <v>4283</v>
      </c>
      <c r="D37" s="19">
        <v>2348</v>
      </c>
      <c r="E37" s="19">
        <v>1935</v>
      </c>
      <c r="F37" s="19"/>
      <c r="G37" s="18" t="s">
        <v>72</v>
      </c>
      <c r="H37" s="17"/>
      <c r="I37" s="13">
        <v>4752</v>
      </c>
      <c r="J37" s="19">
        <v>2208</v>
      </c>
      <c r="K37" s="19">
        <v>2544</v>
      </c>
    </row>
    <row r="38" spans="1:11" ht="15" customHeight="1">
      <c r="A38" s="17" t="s">
        <v>73</v>
      </c>
      <c r="B38" s="17"/>
      <c r="C38" s="13">
        <v>4225</v>
      </c>
      <c r="D38" s="19">
        <v>2235</v>
      </c>
      <c r="E38" s="19">
        <v>1990</v>
      </c>
      <c r="F38" s="19"/>
      <c r="G38" s="18" t="s">
        <v>74</v>
      </c>
      <c r="H38" s="17"/>
      <c r="I38" s="13">
        <v>4779</v>
      </c>
      <c r="J38" s="19">
        <v>2126</v>
      </c>
      <c r="K38" s="19">
        <v>2653</v>
      </c>
    </row>
    <row r="39" spans="1:11" ht="15" customHeight="1">
      <c r="A39" s="17" t="s">
        <v>75</v>
      </c>
      <c r="B39" s="17"/>
      <c r="C39" s="13">
        <v>4164</v>
      </c>
      <c r="D39" s="19">
        <v>2168</v>
      </c>
      <c r="E39" s="19">
        <v>1996</v>
      </c>
      <c r="F39" s="19"/>
      <c r="G39" s="18" t="s">
        <v>76</v>
      </c>
      <c r="H39" s="17"/>
      <c r="I39" s="13">
        <v>4197</v>
      </c>
      <c r="J39" s="19">
        <v>1887</v>
      </c>
      <c r="K39" s="19">
        <v>2310</v>
      </c>
    </row>
    <row r="40" spans="1:11" ht="15" customHeight="1">
      <c r="A40" s="17" t="s">
        <v>77</v>
      </c>
      <c r="B40" s="17"/>
      <c r="C40" s="13">
        <v>4249</v>
      </c>
      <c r="D40" s="19">
        <v>2210</v>
      </c>
      <c r="E40" s="19">
        <v>2039</v>
      </c>
      <c r="F40" s="19"/>
      <c r="G40" s="18" t="s">
        <v>78</v>
      </c>
      <c r="H40" s="17"/>
      <c r="I40" s="13">
        <v>3476</v>
      </c>
      <c r="J40" s="19">
        <v>1548</v>
      </c>
      <c r="K40" s="19">
        <v>1928</v>
      </c>
    </row>
    <row r="41" spans="1:11" ht="20.100000000000001" customHeight="1">
      <c r="A41" s="17" t="s">
        <v>79</v>
      </c>
      <c r="B41" s="17"/>
      <c r="C41" s="13">
        <v>23217</v>
      </c>
      <c r="D41" s="14">
        <v>11910</v>
      </c>
      <c r="E41" s="14">
        <v>11307</v>
      </c>
      <c r="F41" s="14"/>
      <c r="G41" s="18" t="s">
        <v>80</v>
      </c>
      <c r="H41" s="17"/>
      <c r="I41" s="13">
        <v>16169</v>
      </c>
      <c r="J41" s="14">
        <v>6898</v>
      </c>
      <c r="K41" s="14">
        <v>9271</v>
      </c>
    </row>
    <row r="42" spans="1:11" ht="15" customHeight="1">
      <c r="A42" s="17" t="s">
        <v>81</v>
      </c>
      <c r="B42" s="17"/>
      <c r="C42" s="13">
        <v>4323</v>
      </c>
      <c r="D42" s="19">
        <v>2297</v>
      </c>
      <c r="E42" s="19">
        <v>2026</v>
      </c>
      <c r="F42" s="19"/>
      <c r="G42" s="18" t="s">
        <v>82</v>
      </c>
      <c r="H42" s="17"/>
      <c r="I42" s="13">
        <v>3447</v>
      </c>
      <c r="J42" s="19">
        <v>1485</v>
      </c>
      <c r="K42" s="19">
        <v>1962</v>
      </c>
    </row>
    <row r="43" spans="1:11" ht="15" customHeight="1">
      <c r="A43" s="17" t="s">
        <v>83</v>
      </c>
      <c r="B43" s="17"/>
      <c r="C43" s="13">
        <v>4360</v>
      </c>
      <c r="D43" s="19">
        <v>2205</v>
      </c>
      <c r="E43" s="19">
        <v>2155</v>
      </c>
      <c r="F43" s="19"/>
      <c r="G43" s="18" t="s">
        <v>84</v>
      </c>
      <c r="H43" s="17"/>
      <c r="I43" s="13">
        <v>3663</v>
      </c>
      <c r="J43" s="19">
        <v>1631</v>
      </c>
      <c r="K43" s="19">
        <v>2032</v>
      </c>
    </row>
    <row r="44" spans="1:11" ht="15" customHeight="1">
      <c r="A44" s="17" t="s">
        <v>85</v>
      </c>
      <c r="B44" s="17"/>
      <c r="C44" s="13">
        <v>4562</v>
      </c>
      <c r="D44" s="19">
        <v>2389</v>
      </c>
      <c r="E44" s="19">
        <v>2173</v>
      </c>
      <c r="F44" s="19"/>
      <c r="G44" s="18" t="s">
        <v>86</v>
      </c>
      <c r="H44" s="17"/>
      <c r="I44" s="13">
        <v>3341</v>
      </c>
      <c r="J44" s="19">
        <v>1401</v>
      </c>
      <c r="K44" s="19">
        <v>1940</v>
      </c>
    </row>
    <row r="45" spans="1:11" ht="15" customHeight="1">
      <c r="A45" s="17" t="s">
        <v>87</v>
      </c>
      <c r="B45" s="17"/>
      <c r="C45" s="13">
        <v>4864</v>
      </c>
      <c r="D45" s="19">
        <v>2435</v>
      </c>
      <c r="E45" s="19">
        <v>2429</v>
      </c>
      <c r="F45" s="19"/>
      <c r="G45" s="18" t="s">
        <v>88</v>
      </c>
      <c r="H45" s="17"/>
      <c r="I45" s="13">
        <v>3164</v>
      </c>
      <c r="J45" s="19">
        <v>1340</v>
      </c>
      <c r="K45" s="19">
        <v>1824</v>
      </c>
    </row>
    <row r="46" spans="1:11" ht="15" customHeight="1">
      <c r="A46" s="17" t="s">
        <v>89</v>
      </c>
      <c r="B46" s="17"/>
      <c r="C46" s="13">
        <v>5108</v>
      </c>
      <c r="D46" s="19">
        <v>2584</v>
      </c>
      <c r="E46" s="19">
        <v>2524</v>
      </c>
      <c r="F46" s="19"/>
      <c r="G46" s="18" t="s">
        <v>90</v>
      </c>
      <c r="H46" s="17"/>
      <c r="I46" s="13">
        <v>2554</v>
      </c>
      <c r="J46" s="19">
        <v>1041</v>
      </c>
      <c r="K46" s="19">
        <v>1513</v>
      </c>
    </row>
    <row r="47" spans="1:11" ht="20.100000000000001" customHeight="1">
      <c r="A47" s="17" t="s">
        <v>91</v>
      </c>
      <c r="B47" s="17"/>
      <c r="C47" s="13">
        <v>28299</v>
      </c>
      <c r="D47" s="14">
        <v>14315</v>
      </c>
      <c r="E47" s="14">
        <v>13984</v>
      </c>
      <c r="F47" s="14"/>
      <c r="G47" s="18" t="s">
        <v>92</v>
      </c>
      <c r="H47" s="17"/>
      <c r="I47" s="13">
        <v>9626</v>
      </c>
      <c r="J47" s="14">
        <v>3519</v>
      </c>
      <c r="K47" s="14">
        <v>6107</v>
      </c>
    </row>
    <row r="48" spans="1:11" ht="15" customHeight="1">
      <c r="A48" s="17" t="s">
        <v>93</v>
      </c>
      <c r="B48" s="17"/>
      <c r="C48" s="13">
        <v>5441</v>
      </c>
      <c r="D48" s="19">
        <v>2758</v>
      </c>
      <c r="E48" s="19">
        <v>2683</v>
      </c>
      <c r="F48" s="19"/>
      <c r="G48" s="18" t="s">
        <v>94</v>
      </c>
      <c r="H48" s="17"/>
      <c r="I48" s="13">
        <v>2402</v>
      </c>
      <c r="J48" s="19">
        <v>956</v>
      </c>
      <c r="K48" s="19">
        <v>1446</v>
      </c>
    </row>
    <row r="49" spans="1:11" ht="15" customHeight="1">
      <c r="A49" s="17" t="s">
        <v>95</v>
      </c>
      <c r="B49" s="17"/>
      <c r="C49" s="13">
        <v>5442</v>
      </c>
      <c r="D49" s="19">
        <v>2752</v>
      </c>
      <c r="E49" s="19">
        <v>2690</v>
      </c>
      <c r="F49" s="19"/>
      <c r="G49" s="18" t="s">
        <v>96</v>
      </c>
      <c r="H49" s="17"/>
      <c r="I49" s="13">
        <v>2151</v>
      </c>
      <c r="J49" s="19">
        <v>836</v>
      </c>
      <c r="K49" s="19">
        <v>1315</v>
      </c>
    </row>
    <row r="50" spans="1:11" ht="15" customHeight="1">
      <c r="A50" s="17" t="s">
        <v>97</v>
      </c>
      <c r="B50" s="17"/>
      <c r="C50" s="13">
        <v>5497</v>
      </c>
      <c r="D50" s="19">
        <v>2776</v>
      </c>
      <c r="E50" s="19">
        <v>2721</v>
      </c>
      <c r="F50" s="19"/>
      <c r="G50" s="18" t="s">
        <v>98</v>
      </c>
      <c r="H50" s="17"/>
      <c r="I50" s="13">
        <v>1936</v>
      </c>
      <c r="J50" s="19">
        <v>643</v>
      </c>
      <c r="K50" s="19">
        <v>1293</v>
      </c>
    </row>
    <row r="51" spans="1:11" ht="15" customHeight="1">
      <c r="A51" s="17" t="s">
        <v>99</v>
      </c>
      <c r="B51" s="17"/>
      <c r="C51" s="13">
        <v>5807</v>
      </c>
      <c r="D51" s="19">
        <v>2904</v>
      </c>
      <c r="E51" s="19">
        <v>2903</v>
      </c>
      <c r="F51" s="19"/>
      <c r="G51" s="18" t="s">
        <v>100</v>
      </c>
      <c r="H51" s="17"/>
      <c r="I51" s="13">
        <v>1684</v>
      </c>
      <c r="J51" s="19">
        <v>592</v>
      </c>
      <c r="K51" s="19">
        <v>1092</v>
      </c>
    </row>
    <row r="52" spans="1:11" ht="15" customHeight="1">
      <c r="A52" s="17" t="s">
        <v>101</v>
      </c>
      <c r="B52" s="17"/>
      <c r="C52" s="13">
        <v>6112</v>
      </c>
      <c r="D52" s="19">
        <v>3125</v>
      </c>
      <c r="E52" s="19">
        <v>2987</v>
      </c>
      <c r="F52" s="19"/>
      <c r="G52" s="18" t="s">
        <v>102</v>
      </c>
      <c r="H52" s="17"/>
      <c r="I52" s="13">
        <v>1453</v>
      </c>
      <c r="J52" s="19">
        <v>492</v>
      </c>
      <c r="K52" s="19">
        <v>961</v>
      </c>
    </row>
    <row r="53" spans="1:11" ht="20.100000000000001" customHeight="1">
      <c r="A53" s="17" t="s">
        <v>103</v>
      </c>
      <c r="B53" s="17"/>
      <c r="C53" s="13">
        <v>33985</v>
      </c>
      <c r="D53" s="14">
        <v>17195</v>
      </c>
      <c r="E53" s="14">
        <v>16790</v>
      </c>
      <c r="F53" s="14"/>
      <c r="G53" s="18" t="s">
        <v>104</v>
      </c>
      <c r="H53" s="17"/>
      <c r="I53" s="13">
        <v>4377</v>
      </c>
      <c r="J53" s="14">
        <v>1247</v>
      </c>
      <c r="K53" s="14">
        <v>3130</v>
      </c>
    </row>
    <row r="54" spans="1:11" ht="15" customHeight="1">
      <c r="A54" s="17" t="s">
        <v>105</v>
      </c>
      <c r="B54" s="17"/>
      <c r="C54" s="13">
        <v>6325</v>
      </c>
      <c r="D54" s="19">
        <v>3202</v>
      </c>
      <c r="E54" s="19">
        <v>3123</v>
      </c>
      <c r="F54" s="19"/>
      <c r="G54" s="18" t="s">
        <v>106</v>
      </c>
      <c r="H54" s="17"/>
      <c r="I54" s="13">
        <v>1243</v>
      </c>
      <c r="J54" s="19">
        <v>383</v>
      </c>
      <c r="K54" s="19">
        <v>860</v>
      </c>
    </row>
    <row r="55" spans="1:11" ht="15" customHeight="1">
      <c r="A55" s="17" t="s">
        <v>107</v>
      </c>
      <c r="B55" s="17"/>
      <c r="C55" s="13">
        <v>6539</v>
      </c>
      <c r="D55" s="19">
        <v>3316</v>
      </c>
      <c r="E55" s="19">
        <v>3223</v>
      </c>
      <c r="F55" s="19"/>
      <c r="G55" s="18" t="s">
        <v>108</v>
      </c>
      <c r="H55" s="17"/>
      <c r="I55" s="13">
        <v>1054</v>
      </c>
      <c r="J55" s="19">
        <v>314</v>
      </c>
      <c r="K55" s="19">
        <v>740</v>
      </c>
    </row>
    <row r="56" spans="1:11" ht="15" customHeight="1">
      <c r="A56" s="17" t="s">
        <v>109</v>
      </c>
      <c r="B56" s="17"/>
      <c r="C56" s="13">
        <v>6786</v>
      </c>
      <c r="D56" s="19">
        <v>3451</v>
      </c>
      <c r="E56" s="19">
        <v>3335</v>
      </c>
      <c r="F56" s="19"/>
      <c r="G56" s="18" t="s">
        <v>110</v>
      </c>
      <c r="H56" s="17"/>
      <c r="I56" s="13">
        <v>847</v>
      </c>
      <c r="J56" s="19">
        <v>244</v>
      </c>
      <c r="K56" s="19">
        <v>603</v>
      </c>
    </row>
    <row r="57" spans="1:11" ht="15" customHeight="1">
      <c r="A57" s="17" t="s">
        <v>111</v>
      </c>
      <c r="B57" s="17"/>
      <c r="C57" s="13">
        <v>6915</v>
      </c>
      <c r="D57" s="19">
        <v>3410</v>
      </c>
      <c r="E57" s="19">
        <v>3505</v>
      </c>
      <c r="F57" s="19"/>
      <c r="G57" s="18" t="s">
        <v>112</v>
      </c>
      <c r="H57" s="17"/>
      <c r="I57" s="13">
        <v>711</v>
      </c>
      <c r="J57" s="19">
        <v>186</v>
      </c>
      <c r="K57" s="19">
        <v>525</v>
      </c>
    </row>
    <row r="58" spans="1:11" ht="15" customHeight="1">
      <c r="A58" s="17" t="s">
        <v>113</v>
      </c>
      <c r="B58" s="17"/>
      <c r="C58" s="13">
        <v>7420</v>
      </c>
      <c r="D58" s="19">
        <v>3816</v>
      </c>
      <c r="E58" s="19">
        <v>3604</v>
      </c>
      <c r="F58" s="19"/>
      <c r="G58" s="18" t="s">
        <v>114</v>
      </c>
      <c r="H58" s="17"/>
      <c r="I58" s="13">
        <v>522</v>
      </c>
      <c r="J58" s="19">
        <v>120</v>
      </c>
      <c r="K58" s="19">
        <v>402</v>
      </c>
    </row>
    <row r="59" spans="1:11" ht="20.100000000000001" customHeight="1">
      <c r="A59" s="17" t="s">
        <v>115</v>
      </c>
      <c r="B59" s="17"/>
      <c r="C59" s="13">
        <v>38039</v>
      </c>
      <c r="D59" s="14">
        <v>19276</v>
      </c>
      <c r="E59" s="14">
        <v>18763</v>
      </c>
      <c r="F59" s="14"/>
      <c r="G59" s="18" t="s">
        <v>116</v>
      </c>
      <c r="H59" s="17"/>
      <c r="I59" s="13">
        <v>1157</v>
      </c>
      <c r="J59" s="14">
        <v>232</v>
      </c>
      <c r="K59" s="14">
        <v>925</v>
      </c>
    </row>
    <row r="60" spans="1:11" ht="15" customHeight="1">
      <c r="A60" s="17" t="s">
        <v>117</v>
      </c>
      <c r="B60" s="17"/>
      <c r="C60" s="13">
        <v>7975</v>
      </c>
      <c r="D60" s="19">
        <v>3983</v>
      </c>
      <c r="E60" s="19">
        <v>3992</v>
      </c>
      <c r="F60" s="19"/>
      <c r="G60" s="18" t="s">
        <v>118</v>
      </c>
      <c r="H60" s="17"/>
      <c r="I60" s="13">
        <v>386</v>
      </c>
      <c r="J60" s="19">
        <v>91</v>
      </c>
      <c r="K60" s="19">
        <v>295</v>
      </c>
    </row>
    <row r="61" spans="1:11" ht="15" customHeight="1">
      <c r="A61" s="17" t="s">
        <v>119</v>
      </c>
      <c r="B61" s="17"/>
      <c r="C61" s="13">
        <v>7686</v>
      </c>
      <c r="D61" s="19">
        <v>3894</v>
      </c>
      <c r="E61" s="19">
        <v>3792</v>
      </c>
      <c r="F61" s="19"/>
      <c r="G61" s="18" t="s">
        <v>120</v>
      </c>
      <c r="H61" s="17"/>
      <c r="I61" s="13">
        <v>270</v>
      </c>
      <c r="J61" s="19">
        <v>53</v>
      </c>
      <c r="K61" s="19">
        <v>217</v>
      </c>
    </row>
    <row r="62" spans="1:11" ht="15" customHeight="1">
      <c r="A62" s="17" t="s">
        <v>121</v>
      </c>
      <c r="B62" s="17"/>
      <c r="C62" s="13">
        <v>7669</v>
      </c>
      <c r="D62" s="19">
        <v>3874</v>
      </c>
      <c r="E62" s="19">
        <v>3795</v>
      </c>
      <c r="F62" s="19"/>
      <c r="G62" s="18" t="s">
        <v>122</v>
      </c>
      <c r="H62" s="17"/>
      <c r="I62" s="13">
        <v>246</v>
      </c>
      <c r="J62" s="19">
        <v>46</v>
      </c>
      <c r="K62" s="19">
        <v>200</v>
      </c>
    </row>
    <row r="63" spans="1:11" ht="15" customHeight="1">
      <c r="A63" s="17" t="s">
        <v>123</v>
      </c>
      <c r="B63" s="17"/>
      <c r="C63" s="13">
        <v>7503</v>
      </c>
      <c r="D63" s="19">
        <v>3793</v>
      </c>
      <c r="E63" s="19">
        <v>3710</v>
      </c>
      <c r="F63" s="19"/>
      <c r="G63" s="18" t="s">
        <v>124</v>
      </c>
      <c r="H63" s="17"/>
      <c r="I63" s="13">
        <v>141</v>
      </c>
      <c r="J63" s="19">
        <v>19</v>
      </c>
      <c r="K63" s="19">
        <v>122</v>
      </c>
    </row>
    <row r="64" spans="1:11" ht="15" customHeight="1">
      <c r="A64" s="17" t="s">
        <v>125</v>
      </c>
      <c r="B64" s="17"/>
      <c r="C64" s="13">
        <v>7206</v>
      </c>
      <c r="D64" s="19">
        <v>3732</v>
      </c>
      <c r="E64" s="19">
        <v>3474</v>
      </c>
      <c r="F64" s="19"/>
      <c r="G64" s="18" t="s">
        <v>126</v>
      </c>
      <c r="H64" s="17"/>
      <c r="I64" s="13">
        <v>114</v>
      </c>
      <c r="J64" s="19">
        <v>23</v>
      </c>
      <c r="K64" s="19">
        <v>9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07</v>
      </c>
      <c r="J65" s="19">
        <v>36</v>
      </c>
      <c r="K65" s="19">
        <v>17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91</v>
      </c>
      <c r="J66" s="29">
        <v>157</v>
      </c>
      <c r="K66" s="29">
        <v>3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09" pageOrder="overThenDown" orientation="portrait" blackAndWhite="1" useFirstPageNumber="1" horizontalDpi="300" verticalDpi="300"/>
  <headerFooter scaleWithDoc="0"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2400</v>
      </c>
      <c r="D4" s="14">
        <v>51831</v>
      </c>
      <c r="E4" s="14">
        <v>5056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063</v>
      </c>
      <c r="D5" s="14">
        <v>2066</v>
      </c>
      <c r="E5" s="14">
        <v>1997</v>
      </c>
      <c r="F5" s="14"/>
      <c r="G5" s="18" t="s">
        <v>8</v>
      </c>
      <c r="H5" s="17"/>
      <c r="I5" s="13">
        <v>7970</v>
      </c>
      <c r="J5" s="14">
        <v>4281</v>
      </c>
      <c r="K5" s="14">
        <v>3689</v>
      </c>
    </row>
    <row r="6" spans="1:11" ht="15" customHeight="1">
      <c r="A6" s="17" t="s">
        <v>9</v>
      </c>
      <c r="B6" s="17"/>
      <c r="C6" s="13">
        <v>809</v>
      </c>
      <c r="D6" s="19">
        <v>415</v>
      </c>
      <c r="E6" s="19">
        <v>394</v>
      </c>
      <c r="F6" s="19"/>
      <c r="G6" s="18" t="s">
        <v>10</v>
      </c>
      <c r="H6" s="17"/>
      <c r="I6" s="13">
        <v>1785</v>
      </c>
      <c r="J6" s="19">
        <v>966</v>
      </c>
      <c r="K6" s="19">
        <v>819</v>
      </c>
    </row>
    <row r="7" spans="1:11" ht="15" customHeight="1">
      <c r="A7" s="17" t="s">
        <v>11</v>
      </c>
      <c r="B7" s="17"/>
      <c r="C7" s="13">
        <v>830</v>
      </c>
      <c r="D7" s="19">
        <v>431</v>
      </c>
      <c r="E7" s="19">
        <v>399</v>
      </c>
      <c r="F7" s="19"/>
      <c r="G7" s="18" t="s">
        <v>12</v>
      </c>
      <c r="H7" s="17"/>
      <c r="I7" s="13">
        <v>1816</v>
      </c>
      <c r="J7" s="19">
        <v>976</v>
      </c>
      <c r="K7" s="19">
        <v>840</v>
      </c>
    </row>
    <row r="8" spans="1:11" ht="15" customHeight="1">
      <c r="A8" s="17" t="s">
        <v>13</v>
      </c>
      <c r="B8" s="17"/>
      <c r="C8" s="13">
        <v>883</v>
      </c>
      <c r="D8" s="19">
        <v>429</v>
      </c>
      <c r="E8" s="19">
        <v>454</v>
      </c>
      <c r="F8" s="19"/>
      <c r="G8" s="18" t="s">
        <v>14</v>
      </c>
      <c r="H8" s="17"/>
      <c r="I8" s="13">
        <v>1373</v>
      </c>
      <c r="J8" s="19">
        <v>747</v>
      </c>
      <c r="K8" s="19">
        <v>626</v>
      </c>
    </row>
    <row r="9" spans="1:11" ht="15" customHeight="1">
      <c r="A9" s="17" t="s">
        <v>15</v>
      </c>
      <c r="B9" s="17"/>
      <c r="C9" s="13">
        <v>770</v>
      </c>
      <c r="D9" s="19">
        <v>399</v>
      </c>
      <c r="E9" s="19">
        <v>371</v>
      </c>
      <c r="F9" s="19"/>
      <c r="G9" s="18" t="s">
        <v>16</v>
      </c>
      <c r="H9" s="17"/>
      <c r="I9" s="13">
        <v>1543</v>
      </c>
      <c r="J9" s="19">
        <v>836</v>
      </c>
      <c r="K9" s="19">
        <v>707</v>
      </c>
    </row>
    <row r="10" spans="1:11" ht="15" customHeight="1">
      <c r="A10" s="17" t="s">
        <v>17</v>
      </c>
      <c r="B10" s="17"/>
      <c r="C10" s="13">
        <v>771</v>
      </c>
      <c r="D10" s="19">
        <v>392</v>
      </c>
      <c r="E10" s="19">
        <v>379</v>
      </c>
      <c r="F10" s="19"/>
      <c r="G10" s="18" t="s">
        <v>18</v>
      </c>
      <c r="H10" s="17"/>
      <c r="I10" s="13">
        <v>1453</v>
      </c>
      <c r="J10" s="19">
        <v>756</v>
      </c>
      <c r="K10" s="19">
        <v>697</v>
      </c>
    </row>
    <row r="11" spans="1:11" ht="20.100000000000001" customHeight="1">
      <c r="A11" s="17" t="s">
        <v>19</v>
      </c>
      <c r="B11" s="17"/>
      <c r="C11" s="13">
        <v>3773</v>
      </c>
      <c r="D11" s="14">
        <v>1896</v>
      </c>
      <c r="E11" s="14">
        <v>1877</v>
      </c>
      <c r="F11" s="14"/>
      <c r="G11" s="18" t="s">
        <v>20</v>
      </c>
      <c r="H11" s="17"/>
      <c r="I11" s="13">
        <v>6087</v>
      </c>
      <c r="J11" s="14">
        <v>3215</v>
      </c>
      <c r="K11" s="14">
        <v>2872</v>
      </c>
    </row>
    <row r="12" spans="1:11" ht="15" customHeight="1">
      <c r="A12" s="17" t="s">
        <v>21</v>
      </c>
      <c r="B12" s="17"/>
      <c r="C12" s="13">
        <v>784</v>
      </c>
      <c r="D12" s="19">
        <v>399</v>
      </c>
      <c r="E12" s="19">
        <v>385</v>
      </c>
      <c r="F12" s="19"/>
      <c r="G12" s="18" t="s">
        <v>22</v>
      </c>
      <c r="H12" s="17"/>
      <c r="I12" s="13">
        <v>1330</v>
      </c>
      <c r="J12" s="19">
        <v>707</v>
      </c>
      <c r="K12" s="19">
        <v>623</v>
      </c>
    </row>
    <row r="13" spans="1:11" ht="15" customHeight="1">
      <c r="A13" s="17" t="s">
        <v>23</v>
      </c>
      <c r="B13" s="17"/>
      <c r="C13" s="13">
        <v>755</v>
      </c>
      <c r="D13" s="19">
        <v>375</v>
      </c>
      <c r="E13" s="19">
        <v>380</v>
      </c>
      <c r="F13" s="19"/>
      <c r="G13" s="18" t="s">
        <v>24</v>
      </c>
      <c r="H13" s="17"/>
      <c r="I13" s="13">
        <v>1343</v>
      </c>
      <c r="J13" s="19">
        <v>714</v>
      </c>
      <c r="K13" s="19">
        <v>629</v>
      </c>
    </row>
    <row r="14" spans="1:11" ht="15" customHeight="1">
      <c r="A14" s="17" t="s">
        <v>25</v>
      </c>
      <c r="B14" s="17"/>
      <c r="C14" s="13">
        <v>747</v>
      </c>
      <c r="D14" s="19">
        <v>357</v>
      </c>
      <c r="E14" s="19">
        <v>390</v>
      </c>
      <c r="F14" s="19"/>
      <c r="G14" s="18" t="s">
        <v>26</v>
      </c>
      <c r="H14" s="17"/>
      <c r="I14" s="13">
        <v>1175</v>
      </c>
      <c r="J14" s="19">
        <v>624</v>
      </c>
      <c r="K14" s="19">
        <v>551</v>
      </c>
    </row>
    <row r="15" spans="1:11" ht="15" customHeight="1">
      <c r="A15" s="17" t="s">
        <v>27</v>
      </c>
      <c r="B15" s="17"/>
      <c r="C15" s="13">
        <v>763</v>
      </c>
      <c r="D15" s="19">
        <v>386</v>
      </c>
      <c r="E15" s="19">
        <v>377</v>
      </c>
      <c r="F15" s="19"/>
      <c r="G15" s="18" t="s">
        <v>28</v>
      </c>
      <c r="H15" s="17"/>
      <c r="I15" s="13">
        <v>1084</v>
      </c>
      <c r="J15" s="19">
        <v>556</v>
      </c>
      <c r="K15" s="19">
        <v>528</v>
      </c>
    </row>
    <row r="16" spans="1:11" ht="15" customHeight="1">
      <c r="A16" s="17" t="s">
        <v>29</v>
      </c>
      <c r="B16" s="17"/>
      <c r="C16" s="13">
        <v>724</v>
      </c>
      <c r="D16" s="19">
        <v>379</v>
      </c>
      <c r="E16" s="19">
        <v>345</v>
      </c>
      <c r="F16" s="19"/>
      <c r="G16" s="18" t="s">
        <v>30</v>
      </c>
      <c r="H16" s="17"/>
      <c r="I16" s="13">
        <v>1155</v>
      </c>
      <c r="J16" s="19">
        <v>614</v>
      </c>
      <c r="K16" s="19">
        <v>541</v>
      </c>
    </row>
    <row r="17" spans="1:11" ht="20.100000000000001" customHeight="1">
      <c r="A17" s="20" t="s">
        <v>31</v>
      </c>
      <c r="B17" s="20"/>
      <c r="C17" s="13">
        <v>3361</v>
      </c>
      <c r="D17" s="14">
        <v>1739</v>
      </c>
      <c r="E17" s="14">
        <v>1622</v>
      </c>
      <c r="F17" s="14"/>
      <c r="G17" s="18" t="s">
        <v>32</v>
      </c>
      <c r="H17" s="17"/>
      <c r="I17" s="13">
        <v>4950</v>
      </c>
      <c r="J17" s="14">
        <v>2539</v>
      </c>
      <c r="K17" s="14">
        <v>2411</v>
      </c>
    </row>
    <row r="18" spans="1:11" ht="15" customHeight="1">
      <c r="A18" s="17" t="s">
        <v>33</v>
      </c>
      <c r="B18" s="17"/>
      <c r="C18" s="13">
        <v>679</v>
      </c>
      <c r="D18" s="19">
        <v>356</v>
      </c>
      <c r="E18" s="19">
        <v>323</v>
      </c>
      <c r="F18" s="19"/>
      <c r="G18" s="18" t="s">
        <v>34</v>
      </c>
      <c r="H18" s="17"/>
      <c r="I18" s="13">
        <v>1125</v>
      </c>
      <c r="J18" s="19">
        <v>574</v>
      </c>
      <c r="K18" s="19">
        <v>551</v>
      </c>
    </row>
    <row r="19" spans="1:11" ht="15" customHeight="1">
      <c r="A19" s="17" t="s">
        <v>35</v>
      </c>
      <c r="B19" s="17"/>
      <c r="C19" s="13">
        <v>707</v>
      </c>
      <c r="D19" s="19">
        <v>363</v>
      </c>
      <c r="E19" s="19">
        <v>344</v>
      </c>
      <c r="F19" s="19"/>
      <c r="G19" s="18" t="s">
        <v>36</v>
      </c>
      <c r="H19" s="17"/>
      <c r="I19" s="13">
        <v>982</v>
      </c>
      <c r="J19" s="19">
        <v>482</v>
      </c>
      <c r="K19" s="19">
        <v>500</v>
      </c>
    </row>
    <row r="20" spans="1:11" ht="15" customHeight="1">
      <c r="A20" s="17" t="s">
        <v>37</v>
      </c>
      <c r="B20" s="17"/>
      <c r="C20" s="13">
        <v>627</v>
      </c>
      <c r="D20" s="19">
        <v>324</v>
      </c>
      <c r="E20" s="19">
        <v>303</v>
      </c>
      <c r="F20" s="19"/>
      <c r="G20" s="18" t="s">
        <v>38</v>
      </c>
      <c r="H20" s="17"/>
      <c r="I20" s="13">
        <v>938</v>
      </c>
      <c r="J20" s="19">
        <v>499</v>
      </c>
      <c r="K20" s="19">
        <v>439</v>
      </c>
    </row>
    <row r="21" spans="1:11" ht="15" customHeight="1">
      <c r="A21" s="17" t="s">
        <v>39</v>
      </c>
      <c r="B21" s="17"/>
      <c r="C21" s="13">
        <v>681</v>
      </c>
      <c r="D21" s="19">
        <v>357</v>
      </c>
      <c r="E21" s="19">
        <v>324</v>
      </c>
      <c r="F21" s="19"/>
      <c r="G21" s="18" t="s">
        <v>40</v>
      </c>
      <c r="H21" s="17"/>
      <c r="I21" s="13">
        <v>995</v>
      </c>
      <c r="J21" s="19">
        <v>520</v>
      </c>
      <c r="K21" s="19">
        <v>475</v>
      </c>
    </row>
    <row r="22" spans="1:11" ht="15" customHeight="1">
      <c r="A22" s="17" t="s">
        <v>41</v>
      </c>
      <c r="B22" s="17"/>
      <c r="C22" s="13">
        <v>667</v>
      </c>
      <c r="D22" s="19">
        <v>339</v>
      </c>
      <c r="E22" s="19">
        <v>328</v>
      </c>
      <c r="F22" s="19"/>
      <c r="G22" s="18" t="s">
        <v>42</v>
      </c>
      <c r="H22" s="17"/>
      <c r="I22" s="13">
        <v>910</v>
      </c>
      <c r="J22" s="19">
        <v>464</v>
      </c>
      <c r="K22" s="19">
        <v>446</v>
      </c>
    </row>
    <row r="23" spans="1:11" ht="20.100000000000001" customHeight="1">
      <c r="A23" s="17" t="s">
        <v>43</v>
      </c>
      <c r="B23" s="17"/>
      <c r="C23" s="13">
        <v>3409</v>
      </c>
      <c r="D23" s="14">
        <v>1720</v>
      </c>
      <c r="E23" s="14">
        <v>1689</v>
      </c>
      <c r="F23" s="14"/>
      <c r="G23" s="18" t="s">
        <v>44</v>
      </c>
      <c r="H23" s="17"/>
      <c r="I23" s="13">
        <v>5206</v>
      </c>
      <c r="J23" s="14">
        <v>2643</v>
      </c>
      <c r="K23" s="14">
        <v>2563</v>
      </c>
    </row>
    <row r="24" spans="1:11" ht="15" customHeight="1">
      <c r="A24" s="17" t="s">
        <v>45</v>
      </c>
      <c r="B24" s="17"/>
      <c r="C24" s="13">
        <v>675</v>
      </c>
      <c r="D24" s="19">
        <v>365</v>
      </c>
      <c r="E24" s="19">
        <v>310</v>
      </c>
      <c r="F24" s="19"/>
      <c r="G24" s="18" t="s">
        <v>46</v>
      </c>
      <c r="H24" s="17"/>
      <c r="I24" s="13">
        <v>917</v>
      </c>
      <c r="J24" s="19">
        <v>454</v>
      </c>
      <c r="K24" s="19">
        <v>463</v>
      </c>
    </row>
    <row r="25" spans="1:11" ht="15" customHeight="1">
      <c r="A25" s="17" t="s">
        <v>47</v>
      </c>
      <c r="B25" s="17"/>
      <c r="C25" s="13">
        <v>670</v>
      </c>
      <c r="D25" s="19">
        <v>342</v>
      </c>
      <c r="E25" s="19">
        <v>328</v>
      </c>
      <c r="F25" s="19"/>
      <c r="G25" s="18" t="s">
        <v>48</v>
      </c>
      <c r="H25" s="17"/>
      <c r="I25" s="13">
        <v>1014</v>
      </c>
      <c r="J25" s="19">
        <v>539</v>
      </c>
      <c r="K25" s="19">
        <v>475</v>
      </c>
    </row>
    <row r="26" spans="1:11" ht="15" customHeight="1">
      <c r="A26" s="17" t="s">
        <v>49</v>
      </c>
      <c r="B26" s="17"/>
      <c r="C26" s="13">
        <v>622</v>
      </c>
      <c r="D26" s="19">
        <v>307</v>
      </c>
      <c r="E26" s="19">
        <v>315</v>
      </c>
      <c r="F26" s="19"/>
      <c r="G26" s="18" t="s">
        <v>50</v>
      </c>
      <c r="H26" s="17"/>
      <c r="I26" s="13">
        <v>999</v>
      </c>
      <c r="J26" s="19">
        <v>489</v>
      </c>
      <c r="K26" s="19">
        <v>510</v>
      </c>
    </row>
    <row r="27" spans="1:11" ht="15" customHeight="1">
      <c r="A27" s="17" t="s">
        <v>51</v>
      </c>
      <c r="B27" s="17"/>
      <c r="C27" s="13">
        <v>707</v>
      </c>
      <c r="D27" s="19">
        <v>331</v>
      </c>
      <c r="E27" s="19">
        <v>376</v>
      </c>
      <c r="F27" s="19"/>
      <c r="G27" s="18" t="s">
        <v>52</v>
      </c>
      <c r="H27" s="17"/>
      <c r="I27" s="13">
        <v>1084</v>
      </c>
      <c r="J27" s="19">
        <v>562</v>
      </c>
      <c r="K27" s="19">
        <v>522</v>
      </c>
    </row>
    <row r="28" spans="1:11" ht="15" customHeight="1">
      <c r="A28" s="17" t="s">
        <v>53</v>
      </c>
      <c r="B28" s="17"/>
      <c r="C28" s="13">
        <v>735</v>
      </c>
      <c r="D28" s="19">
        <v>375</v>
      </c>
      <c r="E28" s="19">
        <v>360</v>
      </c>
      <c r="F28" s="19"/>
      <c r="G28" s="18" t="s">
        <v>54</v>
      </c>
      <c r="H28" s="17"/>
      <c r="I28" s="13">
        <v>1192</v>
      </c>
      <c r="J28" s="19">
        <v>599</v>
      </c>
      <c r="K28" s="19">
        <v>593</v>
      </c>
    </row>
    <row r="29" spans="1:11" ht="20.100000000000001" customHeight="1">
      <c r="A29" s="17" t="s">
        <v>55</v>
      </c>
      <c r="B29" s="17"/>
      <c r="C29" s="13">
        <v>5301</v>
      </c>
      <c r="D29" s="14">
        <v>2687</v>
      </c>
      <c r="E29" s="14">
        <v>2614</v>
      </c>
      <c r="F29" s="14"/>
      <c r="G29" s="18" t="s">
        <v>56</v>
      </c>
      <c r="H29" s="17"/>
      <c r="I29" s="13">
        <v>4805</v>
      </c>
      <c r="J29" s="14">
        <v>2272</v>
      </c>
      <c r="K29" s="14">
        <v>2533</v>
      </c>
    </row>
    <row r="30" spans="1:11" ht="15" customHeight="1">
      <c r="A30" s="17" t="s">
        <v>57</v>
      </c>
      <c r="B30" s="17"/>
      <c r="C30" s="13">
        <v>787</v>
      </c>
      <c r="D30" s="19">
        <v>404</v>
      </c>
      <c r="E30" s="19">
        <v>383</v>
      </c>
      <c r="F30" s="19"/>
      <c r="G30" s="18" t="s">
        <v>58</v>
      </c>
      <c r="H30" s="17"/>
      <c r="I30" s="13">
        <v>1250</v>
      </c>
      <c r="J30" s="19">
        <v>614</v>
      </c>
      <c r="K30" s="19">
        <v>636</v>
      </c>
    </row>
    <row r="31" spans="1:11" ht="15" customHeight="1">
      <c r="A31" s="17" t="s">
        <v>59</v>
      </c>
      <c r="B31" s="17"/>
      <c r="C31" s="13">
        <v>889</v>
      </c>
      <c r="D31" s="19">
        <v>434</v>
      </c>
      <c r="E31" s="19">
        <v>455</v>
      </c>
      <c r="F31" s="19"/>
      <c r="G31" s="18" t="s">
        <v>60</v>
      </c>
      <c r="H31" s="17"/>
      <c r="I31" s="13">
        <v>1229</v>
      </c>
      <c r="J31" s="19">
        <v>576</v>
      </c>
      <c r="K31" s="19">
        <v>653</v>
      </c>
    </row>
    <row r="32" spans="1:11" ht="15" customHeight="1">
      <c r="A32" s="17" t="s">
        <v>61</v>
      </c>
      <c r="B32" s="17"/>
      <c r="C32" s="13">
        <v>1014</v>
      </c>
      <c r="D32" s="19">
        <v>518</v>
      </c>
      <c r="E32" s="19">
        <v>496</v>
      </c>
      <c r="F32" s="19"/>
      <c r="G32" s="18" t="s">
        <v>62</v>
      </c>
      <c r="H32" s="17"/>
      <c r="I32" s="13">
        <v>749</v>
      </c>
      <c r="J32" s="19">
        <v>374</v>
      </c>
      <c r="K32" s="19">
        <v>375</v>
      </c>
    </row>
    <row r="33" spans="1:11" ht="15" customHeight="1">
      <c r="A33" s="17" t="s">
        <v>63</v>
      </c>
      <c r="B33" s="17"/>
      <c r="C33" s="13">
        <v>1267</v>
      </c>
      <c r="D33" s="19">
        <v>647</v>
      </c>
      <c r="E33" s="19">
        <v>620</v>
      </c>
      <c r="F33" s="19"/>
      <c r="G33" s="18" t="s">
        <v>64</v>
      </c>
      <c r="H33" s="17"/>
      <c r="I33" s="13">
        <v>688</v>
      </c>
      <c r="J33" s="19">
        <v>323</v>
      </c>
      <c r="K33" s="19">
        <v>365</v>
      </c>
    </row>
    <row r="34" spans="1:11" ht="15" customHeight="1">
      <c r="A34" s="17" t="s">
        <v>65</v>
      </c>
      <c r="B34" s="17"/>
      <c r="C34" s="13">
        <v>1344</v>
      </c>
      <c r="D34" s="19">
        <v>684</v>
      </c>
      <c r="E34" s="19">
        <v>660</v>
      </c>
      <c r="F34" s="19"/>
      <c r="G34" s="18" t="s">
        <v>66</v>
      </c>
      <c r="H34" s="17"/>
      <c r="I34" s="13">
        <v>889</v>
      </c>
      <c r="J34" s="19">
        <v>385</v>
      </c>
      <c r="K34" s="19">
        <v>504</v>
      </c>
    </row>
    <row r="35" spans="1:11" ht="20.100000000000001" customHeight="1">
      <c r="A35" s="17" t="s">
        <v>67</v>
      </c>
      <c r="B35" s="17"/>
      <c r="C35" s="13">
        <v>7071</v>
      </c>
      <c r="D35" s="14">
        <v>3723</v>
      </c>
      <c r="E35" s="14">
        <v>3348</v>
      </c>
      <c r="F35" s="14"/>
      <c r="G35" s="18" t="s">
        <v>68</v>
      </c>
      <c r="H35" s="17"/>
      <c r="I35" s="13">
        <v>3747</v>
      </c>
      <c r="J35" s="14">
        <v>1663</v>
      </c>
      <c r="K35" s="14">
        <v>2084</v>
      </c>
    </row>
    <row r="36" spans="1:11" ht="15" customHeight="1">
      <c r="A36" s="17" t="s">
        <v>69</v>
      </c>
      <c r="B36" s="17"/>
      <c r="C36" s="13">
        <v>1302</v>
      </c>
      <c r="D36" s="19">
        <v>680</v>
      </c>
      <c r="E36" s="19">
        <v>622</v>
      </c>
      <c r="F36" s="19"/>
      <c r="G36" s="18" t="s">
        <v>70</v>
      </c>
      <c r="H36" s="17"/>
      <c r="I36" s="13">
        <v>827</v>
      </c>
      <c r="J36" s="19">
        <v>399</v>
      </c>
      <c r="K36" s="19">
        <v>428</v>
      </c>
    </row>
    <row r="37" spans="1:11" ht="15" customHeight="1">
      <c r="A37" s="17" t="s">
        <v>71</v>
      </c>
      <c r="B37" s="17"/>
      <c r="C37" s="13">
        <v>1448</v>
      </c>
      <c r="D37" s="19">
        <v>770</v>
      </c>
      <c r="E37" s="19">
        <v>678</v>
      </c>
      <c r="F37" s="19"/>
      <c r="G37" s="18" t="s">
        <v>72</v>
      </c>
      <c r="H37" s="17"/>
      <c r="I37" s="13">
        <v>806</v>
      </c>
      <c r="J37" s="19">
        <v>361</v>
      </c>
      <c r="K37" s="19">
        <v>445</v>
      </c>
    </row>
    <row r="38" spans="1:11" ht="15" customHeight="1">
      <c r="A38" s="17" t="s">
        <v>73</v>
      </c>
      <c r="B38" s="17"/>
      <c r="C38" s="13">
        <v>1432</v>
      </c>
      <c r="D38" s="19">
        <v>721</v>
      </c>
      <c r="E38" s="19">
        <v>711</v>
      </c>
      <c r="F38" s="19"/>
      <c r="G38" s="18" t="s">
        <v>74</v>
      </c>
      <c r="H38" s="17"/>
      <c r="I38" s="13">
        <v>781</v>
      </c>
      <c r="J38" s="19">
        <v>352</v>
      </c>
      <c r="K38" s="19">
        <v>429</v>
      </c>
    </row>
    <row r="39" spans="1:11" ht="15" customHeight="1">
      <c r="A39" s="17" t="s">
        <v>75</v>
      </c>
      <c r="B39" s="17"/>
      <c r="C39" s="13">
        <v>1440</v>
      </c>
      <c r="D39" s="19">
        <v>768</v>
      </c>
      <c r="E39" s="19">
        <v>672</v>
      </c>
      <c r="F39" s="19"/>
      <c r="G39" s="18" t="s">
        <v>76</v>
      </c>
      <c r="H39" s="17"/>
      <c r="I39" s="13">
        <v>721</v>
      </c>
      <c r="J39" s="19">
        <v>280</v>
      </c>
      <c r="K39" s="19">
        <v>441</v>
      </c>
    </row>
    <row r="40" spans="1:11" ht="15" customHeight="1">
      <c r="A40" s="17" t="s">
        <v>77</v>
      </c>
      <c r="B40" s="17"/>
      <c r="C40" s="13">
        <v>1449</v>
      </c>
      <c r="D40" s="19">
        <v>784</v>
      </c>
      <c r="E40" s="19">
        <v>665</v>
      </c>
      <c r="F40" s="19"/>
      <c r="G40" s="18" t="s">
        <v>78</v>
      </c>
      <c r="H40" s="17"/>
      <c r="I40" s="13">
        <v>612</v>
      </c>
      <c r="J40" s="19">
        <v>271</v>
      </c>
      <c r="K40" s="19">
        <v>341</v>
      </c>
    </row>
    <row r="41" spans="1:11" ht="20.100000000000001" customHeight="1">
      <c r="A41" s="17" t="s">
        <v>79</v>
      </c>
      <c r="B41" s="17"/>
      <c r="C41" s="13">
        <v>8146</v>
      </c>
      <c r="D41" s="14">
        <v>4343</v>
      </c>
      <c r="E41" s="14">
        <v>3803</v>
      </c>
      <c r="F41" s="14"/>
      <c r="G41" s="18" t="s">
        <v>80</v>
      </c>
      <c r="H41" s="17"/>
      <c r="I41" s="13">
        <v>2923</v>
      </c>
      <c r="J41" s="14">
        <v>1105</v>
      </c>
      <c r="K41" s="14">
        <v>1818</v>
      </c>
    </row>
    <row r="42" spans="1:11" ht="15" customHeight="1">
      <c r="A42" s="17" t="s">
        <v>81</v>
      </c>
      <c r="B42" s="17"/>
      <c r="C42" s="13">
        <v>1567</v>
      </c>
      <c r="D42" s="19">
        <v>820</v>
      </c>
      <c r="E42" s="19">
        <v>747</v>
      </c>
      <c r="F42" s="19"/>
      <c r="G42" s="18" t="s">
        <v>82</v>
      </c>
      <c r="H42" s="17"/>
      <c r="I42" s="13">
        <v>569</v>
      </c>
      <c r="J42" s="19">
        <v>231</v>
      </c>
      <c r="K42" s="19">
        <v>338</v>
      </c>
    </row>
    <row r="43" spans="1:11" ht="15" customHeight="1">
      <c r="A43" s="17" t="s">
        <v>83</v>
      </c>
      <c r="B43" s="17"/>
      <c r="C43" s="13">
        <v>1618</v>
      </c>
      <c r="D43" s="19">
        <v>878</v>
      </c>
      <c r="E43" s="19">
        <v>740</v>
      </c>
      <c r="F43" s="19"/>
      <c r="G43" s="18" t="s">
        <v>84</v>
      </c>
      <c r="H43" s="17"/>
      <c r="I43" s="13">
        <v>630</v>
      </c>
      <c r="J43" s="19">
        <v>238</v>
      </c>
      <c r="K43" s="19">
        <v>392</v>
      </c>
    </row>
    <row r="44" spans="1:11" ht="15" customHeight="1">
      <c r="A44" s="17" t="s">
        <v>85</v>
      </c>
      <c r="B44" s="17"/>
      <c r="C44" s="13">
        <v>1634</v>
      </c>
      <c r="D44" s="19">
        <v>858</v>
      </c>
      <c r="E44" s="19">
        <v>776</v>
      </c>
      <c r="F44" s="19"/>
      <c r="G44" s="18" t="s">
        <v>86</v>
      </c>
      <c r="H44" s="17"/>
      <c r="I44" s="13">
        <v>558</v>
      </c>
      <c r="J44" s="19">
        <v>215</v>
      </c>
      <c r="K44" s="19">
        <v>343</v>
      </c>
    </row>
    <row r="45" spans="1:11" ht="15" customHeight="1">
      <c r="A45" s="17" t="s">
        <v>87</v>
      </c>
      <c r="B45" s="17"/>
      <c r="C45" s="13">
        <v>1645</v>
      </c>
      <c r="D45" s="19">
        <v>846</v>
      </c>
      <c r="E45" s="19">
        <v>799</v>
      </c>
      <c r="F45" s="19"/>
      <c r="G45" s="18" t="s">
        <v>88</v>
      </c>
      <c r="H45" s="17"/>
      <c r="I45" s="13">
        <v>600</v>
      </c>
      <c r="J45" s="19">
        <v>226</v>
      </c>
      <c r="K45" s="19">
        <v>374</v>
      </c>
    </row>
    <row r="46" spans="1:11" ht="15" customHeight="1">
      <c r="A46" s="17" t="s">
        <v>89</v>
      </c>
      <c r="B46" s="17"/>
      <c r="C46" s="13">
        <v>1682</v>
      </c>
      <c r="D46" s="19">
        <v>941</v>
      </c>
      <c r="E46" s="19">
        <v>741</v>
      </c>
      <c r="F46" s="19"/>
      <c r="G46" s="18" t="s">
        <v>90</v>
      </c>
      <c r="H46" s="17"/>
      <c r="I46" s="13">
        <v>566</v>
      </c>
      <c r="J46" s="19">
        <v>195</v>
      </c>
      <c r="K46" s="19">
        <v>371</v>
      </c>
    </row>
    <row r="47" spans="1:11" ht="20.100000000000001" customHeight="1">
      <c r="A47" s="17" t="s">
        <v>91</v>
      </c>
      <c r="B47" s="17"/>
      <c r="C47" s="13">
        <v>8359</v>
      </c>
      <c r="D47" s="14">
        <v>4340</v>
      </c>
      <c r="E47" s="14">
        <v>4019</v>
      </c>
      <c r="F47" s="14"/>
      <c r="G47" s="18" t="s">
        <v>92</v>
      </c>
      <c r="H47" s="17"/>
      <c r="I47" s="13">
        <v>1973</v>
      </c>
      <c r="J47" s="14">
        <v>677</v>
      </c>
      <c r="K47" s="14">
        <v>1296</v>
      </c>
    </row>
    <row r="48" spans="1:11" ht="15" customHeight="1">
      <c r="A48" s="17" t="s">
        <v>93</v>
      </c>
      <c r="B48" s="17"/>
      <c r="C48" s="13">
        <v>1678</v>
      </c>
      <c r="D48" s="19">
        <v>887</v>
      </c>
      <c r="E48" s="19">
        <v>791</v>
      </c>
      <c r="F48" s="19"/>
      <c r="G48" s="18" t="s">
        <v>94</v>
      </c>
      <c r="H48" s="17"/>
      <c r="I48" s="13">
        <v>465</v>
      </c>
      <c r="J48" s="19">
        <v>157</v>
      </c>
      <c r="K48" s="19">
        <v>308</v>
      </c>
    </row>
    <row r="49" spans="1:11" ht="15" customHeight="1">
      <c r="A49" s="17" t="s">
        <v>95</v>
      </c>
      <c r="B49" s="17"/>
      <c r="C49" s="13">
        <v>1641</v>
      </c>
      <c r="D49" s="19">
        <v>824</v>
      </c>
      <c r="E49" s="19">
        <v>817</v>
      </c>
      <c r="F49" s="19"/>
      <c r="G49" s="18" t="s">
        <v>96</v>
      </c>
      <c r="H49" s="17"/>
      <c r="I49" s="13">
        <v>444</v>
      </c>
      <c r="J49" s="19">
        <v>162</v>
      </c>
      <c r="K49" s="19">
        <v>282</v>
      </c>
    </row>
    <row r="50" spans="1:11" ht="15" customHeight="1">
      <c r="A50" s="17" t="s">
        <v>97</v>
      </c>
      <c r="B50" s="17"/>
      <c r="C50" s="13">
        <v>1655</v>
      </c>
      <c r="D50" s="19">
        <v>873</v>
      </c>
      <c r="E50" s="19">
        <v>782</v>
      </c>
      <c r="F50" s="19"/>
      <c r="G50" s="18" t="s">
        <v>98</v>
      </c>
      <c r="H50" s="17"/>
      <c r="I50" s="13">
        <v>427</v>
      </c>
      <c r="J50" s="19">
        <v>138</v>
      </c>
      <c r="K50" s="19">
        <v>289</v>
      </c>
    </row>
    <row r="51" spans="1:11" ht="15" customHeight="1">
      <c r="A51" s="17" t="s">
        <v>99</v>
      </c>
      <c r="B51" s="17"/>
      <c r="C51" s="13">
        <v>1702</v>
      </c>
      <c r="D51" s="19">
        <v>876</v>
      </c>
      <c r="E51" s="19">
        <v>826</v>
      </c>
      <c r="F51" s="19"/>
      <c r="G51" s="18" t="s">
        <v>100</v>
      </c>
      <c r="H51" s="17"/>
      <c r="I51" s="13">
        <v>348</v>
      </c>
      <c r="J51" s="19">
        <v>114</v>
      </c>
      <c r="K51" s="19">
        <v>234</v>
      </c>
    </row>
    <row r="52" spans="1:11" ht="15" customHeight="1">
      <c r="A52" s="17" t="s">
        <v>101</v>
      </c>
      <c r="B52" s="17"/>
      <c r="C52" s="13">
        <v>1683</v>
      </c>
      <c r="D52" s="19">
        <v>880</v>
      </c>
      <c r="E52" s="19">
        <v>803</v>
      </c>
      <c r="F52" s="19"/>
      <c r="G52" s="18" t="s">
        <v>102</v>
      </c>
      <c r="H52" s="17"/>
      <c r="I52" s="13">
        <v>289</v>
      </c>
      <c r="J52" s="19">
        <v>106</v>
      </c>
      <c r="K52" s="19">
        <v>183</v>
      </c>
    </row>
    <row r="53" spans="1:11" ht="20.100000000000001" customHeight="1">
      <c r="A53" s="17" t="s">
        <v>103</v>
      </c>
      <c r="B53" s="17"/>
      <c r="C53" s="13">
        <v>9325</v>
      </c>
      <c r="D53" s="14">
        <v>4839</v>
      </c>
      <c r="E53" s="14">
        <v>4486</v>
      </c>
      <c r="F53" s="14"/>
      <c r="G53" s="18" t="s">
        <v>104</v>
      </c>
      <c r="H53" s="17"/>
      <c r="I53" s="13">
        <v>958</v>
      </c>
      <c r="J53" s="14">
        <v>269</v>
      </c>
      <c r="K53" s="14">
        <v>689</v>
      </c>
    </row>
    <row r="54" spans="1:11" ht="15" customHeight="1">
      <c r="A54" s="17" t="s">
        <v>105</v>
      </c>
      <c r="B54" s="17"/>
      <c r="C54" s="13">
        <v>1744</v>
      </c>
      <c r="D54" s="19">
        <v>930</v>
      </c>
      <c r="E54" s="19">
        <v>814</v>
      </c>
      <c r="F54" s="19"/>
      <c r="G54" s="18" t="s">
        <v>106</v>
      </c>
      <c r="H54" s="17"/>
      <c r="I54" s="13">
        <v>232</v>
      </c>
      <c r="J54" s="19">
        <v>76</v>
      </c>
      <c r="K54" s="19">
        <v>156</v>
      </c>
    </row>
    <row r="55" spans="1:11" ht="15" customHeight="1">
      <c r="A55" s="17" t="s">
        <v>107</v>
      </c>
      <c r="B55" s="17"/>
      <c r="C55" s="13">
        <v>1724</v>
      </c>
      <c r="D55" s="19">
        <v>911</v>
      </c>
      <c r="E55" s="19">
        <v>813</v>
      </c>
      <c r="F55" s="19"/>
      <c r="G55" s="18" t="s">
        <v>108</v>
      </c>
      <c r="H55" s="17"/>
      <c r="I55" s="13">
        <v>241</v>
      </c>
      <c r="J55" s="19">
        <v>77</v>
      </c>
      <c r="K55" s="19">
        <v>164</v>
      </c>
    </row>
    <row r="56" spans="1:11" ht="15" customHeight="1">
      <c r="A56" s="17" t="s">
        <v>109</v>
      </c>
      <c r="B56" s="17"/>
      <c r="C56" s="13">
        <v>1865</v>
      </c>
      <c r="D56" s="19">
        <v>970</v>
      </c>
      <c r="E56" s="19">
        <v>895</v>
      </c>
      <c r="F56" s="19"/>
      <c r="G56" s="18" t="s">
        <v>110</v>
      </c>
      <c r="H56" s="17"/>
      <c r="I56" s="13">
        <v>208</v>
      </c>
      <c r="J56" s="19">
        <v>49</v>
      </c>
      <c r="K56" s="19">
        <v>159</v>
      </c>
    </row>
    <row r="57" spans="1:11" ht="15" customHeight="1">
      <c r="A57" s="17" t="s">
        <v>111</v>
      </c>
      <c r="B57" s="17"/>
      <c r="C57" s="13">
        <v>1921</v>
      </c>
      <c r="D57" s="19">
        <v>984</v>
      </c>
      <c r="E57" s="19">
        <v>937</v>
      </c>
      <c r="F57" s="19"/>
      <c r="G57" s="18" t="s">
        <v>112</v>
      </c>
      <c r="H57" s="17"/>
      <c r="I57" s="13">
        <v>165</v>
      </c>
      <c r="J57" s="19">
        <v>40</v>
      </c>
      <c r="K57" s="19">
        <v>125</v>
      </c>
    </row>
    <row r="58" spans="1:11" ht="15" customHeight="1">
      <c r="A58" s="17" t="s">
        <v>113</v>
      </c>
      <c r="B58" s="17"/>
      <c r="C58" s="13">
        <v>2071</v>
      </c>
      <c r="D58" s="19">
        <v>1044</v>
      </c>
      <c r="E58" s="19">
        <v>1027</v>
      </c>
      <c r="F58" s="19"/>
      <c r="G58" s="18" t="s">
        <v>114</v>
      </c>
      <c r="H58" s="17"/>
      <c r="I58" s="13">
        <v>112</v>
      </c>
      <c r="J58" s="19">
        <v>27</v>
      </c>
      <c r="K58" s="19">
        <v>85</v>
      </c>
    </row>
    <row r="59" spans="1:11" ht="20.100000000000001" customHeight="1">
      <c r="A59" s="17" t="s">
        <v>115</v>
      </c>
      <c r="B59" s="17"/>
      <c r="C59" s="13">
        <v>9776</v>
      </c>
      <c r="D59" s="14">
        <v>5060</v>
      </c>
      <c r="E59" s="14">
        <v>4716</v>
      </c>
      <c r="F59" s="14"/>
      <c r="G59" s="18" t="s">
        <v>116</v>
      </c>
      <c r="H59" s="17"/>
      <c r="I59" s="13">
        <v>169</v>
      </c>
      <c r="J59" s="14">
        <v>29</v>
      </c>
      <c r="K59" s="14">
        <v>140</v>
      </c>
    </row>
    <row r="60" spans="1:11" ht="15" customHeight="1">
      <c r="A60" s="17" t="s">
        <v>117</v>
      </c>
      <c r="B60" s="17"/>
      <c r="C60" s="13">
        <v>1967</v>
      </c>
      <c r="D60" s="19">
        <v>1013</v>
      </c>
      <c r="E60" s="19">
        <v>954</v>
      </c>
      <c r="F60" s="19"/>
      <c r="G60" s="18" t="s">
        <v>118</v>
      </c>
      <c r="H60" s="17"/>
      <c r="I60" s="13">
        <v>60</v>
      </c>
      <c r="J60" s="19">
        <v>8</v>
      </c>
      <c r="K60" s="19">
        <v>52</v>
      </c>
    </row>
    <row r="61" spans="1:11" ht="15" customHeight="1">
      <c r="A61" s="17" t="s">
        <v>119</v>
      </c>
      <c r="B61" s="17"/>
      <c r="C61" s="13">
        <v>2033</v>
      </c>
      <c r="D61" s="19">
        <v>1041</v>
      </c>
      <c r="E61" s="19">
        <v>992</v>
      </c>
      <c r="F61" s="19"/>
      <c r="G61" s="18" t="s">
        <v>120</v>
      </c>
      <c r="H61" s="17"/>
      <c r="I61" s="13">
        <v>35</v>
      </c>
      <c r="J61" s="19">
        <v>10</v>
      </c>
      <c r="K61" s="19">
        <v>25</v>
      </c>
    </row>
    <row r="62" spans="1:11" ht="15" customHeight="1">
      <c r="A62" s="17" t="s">
        <v>121</v>
      </c>
      <c r="B62" s="17"/>
      <c r="C62" s="13">
        <v>1999</v>
      </c>
      <c r="D62" s="19">
        <v>1034</v>
      </c>
      <c r="E62" s="19">
        <v>965</v>
      </c>
      <c r="F62" s="19"/>
      <c r="G62" s="18" t="s">
        <v>122</v>
      </c>
      <c r="H62" s="17"/>
      <c r="I62" s="13">
        <v>43</v>
      </c>
      <c r="J62" s="19">
        <v>8</v>
      </c>
      <c r="K62" s="19">
        <v>35</v>
      </c>
    </row>
    <row r="63" spans="1:11" ht="15" customHeight="1">
      <c r="A63" s="17" t="s">
        <v>123</v>
      </c>
      <c r="B63" s="17"/>
      <c r="C63" s="13">
        <v>1885</v>
      </c>
      <c r="D63" s="19">
        <v>985</v>
      </c>
      <c r="E63" s="19">
        <v>900</v>
      </c>
      <c r="F63" s="19"/>
      <c r="G63" s="18" t="s">
        <v>124</v>
      </c>
      <c r="H63" s="17"/>
      <c r="I63" s="13">
        <v>13</v>
      </c>
      <c r="J63" s="19">
        <v>0</v>
      </c>
      <c r="K63" s="19">
        <v>13</v>
      </c>
    </row>
    <row r="64" spans="1:11" ht="15" customHeight="1">
      <c r="A64" s="17" t="s">
        <v>125</v>
      </c>
      <c r="B64" s="17"/>
      <c r="C64" s="13">
        <v>1892</v>
      </c>
      <c r="D64" s="19">
        <v>987</v>
      </c>
      <c r="E64" s="19">
        <v>905</v>
      </c>
      <c r="F64" s="19"/>
      <c r="G64" s="18" t="s">
        <v>126</v>
      </c>
      <c r="H64" s="17"/>
      <c r="I64" s="13">
        <v>18</v>
      </c>
      <c r="J64" s="19">
        <v>3</v>
      </c>
      <c r="K64" s="19">
        <v>1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5</v>
      </c>
      <c r="J65" s="19">
        <v>0</v>
      </c>
      <c r="K65" s="19">
        <v>1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013</v>
      </c>
      <c r="J66" s="29">
        <v>725</v>
      </c>
      <c r="K66" s="29">
        <v>288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5" pageOrder="overThenDown" orientation="portrait" blackAndWhite="1" useFirstPageNumber="1" horizontalDpi="300" verticalDpi="300"/>
  <headerFooter scaleWithDoc="0"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9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2079</v>
      </c>
      <c r="D4" s="14">
        <v>117892</v>
      </c>
      <c r="E4" s="14">
        <v>12418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671</v>
      </c>
      <c r="D5" s="14">
        <v>4928</v>
      </c>
      <c r="E5" s="14">
        <v>4743</v>
      </c>
      <c r="F5" s="14"/>
      <c r="G5" s="18" t="s">
        <v>8</v>
      </c>
      <c r="H5" s="17"/>
      <c r="I5" s="13">
        <v>18089</v>
      </c>
      <c r="J5" s="14">
        <v>9285</v>
      </c>
      <c r="K5" s="14">
        <v>8804</v>
      </c>
    </row>
    <row r="6" spans="1:11" ht="15" customHeight="1">
      <c r="A6" s="17" t="s">
        <v>9</v>
      </c>
      <c r="B6" s="17"/>
      <c r="C6" s="13">
        <v>1811</v>
      </c>
      <c r="D6" s="19">
        <v>934</v>
      </c>
      <c r="E6" s="19">
        <v>877</v>
      </c>
      <c r="F6" s="19"/>
      <c r="G6" s="18" t="s">
        <v>10</v>
      </c>
      <c r="H6" s="17"/>
      <c r="I6" s="13">
        <v>3975</v>
      </c>
      <c r="J6" s="19">
        <v>2053</v>
      </c>
      <c r="K6" s="19">
        <v>1922</v>
      </c>
    </row>
    <row r="7" spans="1:11" ht="15" customHeight="1">
      <c r="A7" s="17" t="s">
        <v>11</v>
      </c>
      <c r="B7" s="17"/>
      <c r="C7" s="13">
        <v>1882</v>
      </c>
      <c r="D7" s="19">
        <v>951</v>
      </c>
      <c r="E7" s="19">
        <v>931</v>
      </c>
      <c r="F7" s="19"/>
      <c r="G7" s="18" t="s">
        <v>12</v>
      </c>
      <c r="H7" s="17"/>
      <c r="I7" s="13">
        <v>4023</v>
      </c>
      <c r="J7" s="19">
        <v>2071</v>
      </c>
      <c r="K7" s="19">
        <v>1952</v>
      </c>
    </row>
    <row r="8" spans="1:11" ht="15" customHeight="1">
      <c r="A8" s="17" t="s">
        <v>13</v>
      </c>
      <c r="B8" s="17"/>
      <c r="C8" s="13">
        <v>2015</v>
      </c>
      <c r="D8" s="19">
        <v>1017</v>
      </c>
      <c r="E8" s="19">
        <v>998</v>
      </c>
      <c r="F8" s="19"/>
      <c r="G8" s="18" t="s">
        <v>14</v>
      </c>
      <c r="H8" s="17"/>
      <c r="I8" s="13">
        <v>2859</v>
      </c>
      <c r="J8" s="19">
        <v>1462</v>
      </c>
      <c r="K8" s="19">
        <v>1397</v>
      </c>
    </row>
    <row r="9" spans="1:11" ht="15" customHeight="1">
      <c r="A9" s="17" t="s">
        <v>15</v>
      </c>
      <c r="B9" s="17"/>
      <c r="C9" s="13">
        <v>1955</v>
      </c>
      <c r="D9" s="19">
        <v>983</v>
      </c>
      <c r="E9" s="19">
        <v>972</v>
      </c>
      <c r="F9" s="19"/>
      <c r="G9" s="18" t="s">
        <v>16</v>
      </c>
      <c r="H9" s="17"/>
      <c r="I9" s="13">
        <v>3782</v>
      </c>
      <c r="J9" s="19">
        <v>1904</v>
      </c>
      <c r="K9" s="19">
        <v>1878</v>
      </c>
    </row>
    <row r="10" spans="1:11" ht="15" customHeight="1">
      <c r="A10" s="17" t="s">
        <v>17</v>
      </c>
      <c r="B10" s="17"/>
      <c r="C10" s="13">
        <v>2008</v>
      </c>
      <c r="D10" s="19">
        <v>1043</v>
      </c>
      <c r="E10" s="19">
        <v>965</v>
      </c>
      <c r="F10" s="19"/>
      <c r="G10" s="18" t="s">
        <v>18</v>
      </c>
      <c r="H10" s="17"/>
      <c r="I10" s="13">
        <v>3450</v>
      </c>
      <c r="J10" s="19">
        <v>1795</v>
      </c>
      <c r="K10" s="19">
        <v>1655</v>
      </c>
    </row>
    <row r="11" spans="1:11" ht="20.100000000000001" customHeight="1">
      <c r="A11" s="17" t="s">
        <v>19</v>
      </c>
      <c r="B11" s="17"/>
      <c r="C11" s="13">
        <v>10917</v>
      </c>
      <c r="D11" s="14">
        <v>5597</v>
      </c>
      <c r="E11" s="14">
        <v>5320</v>
      </c>
      <c r="F11" s="14"/>
      <c r="G11" s="18" t="s">
        <v>20</v>
      </c>
      <c r="H11" s="17"/>
      <c r="I11" s="13">
        <v>14458</v>
      </c>
      <c r="J11" s="14">
        <v>7348</v>
      </c>
      <c r="K11" s="14">
        <v>7110</v>
      </c>
    </row>
    <row r="12" spans="1:11" ht="15" customHeight="1">
      <c r="A12" s="17" t="s">
        <v>21</v>
      </c>
      <c r="B12" s="17"/>
      <c r="C12" s="13">
        <v>2193</v>
      </c>
      <c r="D12" s="19">
        <v>1163</v>
      </c>
      <c r="E12" s="19">
        <v>1030</v>
      </c>
      <c r="F12" s="19"/>
      <c r="G12" s="18" t="s">
        <v>22</v>
      </c>
      <c r="H12" s="17"/>
      <c r="I12" s="13">
        <v>3174</v>
      </c>
      <c r="J12" s="19">
        <v>1653</v>
      </c>
      <c r="K12" s="19">
        <v>1521</v>
      </c>
    </row>
    <row r="13" spans="1:11" ht="15" customHeight="1">
      <c r="A13" s="17" t="s">
        <v>23</v>
      </c>
      <c r="B13" s="17"/>
      <c r="C13" s="13">
        <v>2109</v>
      </c>
      <c r="D13" s="19">
        <v>1071</v>
      </c>
      <c r="E13" s="19">
        <v>1038</v>
      </c>
      <c r="F13" s="19"/>
      <c r="G13" s="18" t="s">
        <v>24</v>
      </c>
      <c r="H13" s="17"/>
      <c r="I13" s="13">
        <v>2911</v>
      </c>
      <c r="J13" s="19">
        <v>1473</v>
      </c>
      <c r="K13" s="19">
        <v>1438</v>
      </c>
    </row>
    <row r="14" spans="1:11" ht="15" customHeight="1">
      <c r="A14" s="17" t="s">
        <v>25</v>
      </c>
      <c r="B14" s="17"/>
      <c r="C14" s="13">
        <v>2263</v>
      </c>
      <c r="D14" s="19">
        <v>1172</v>
      </c>
      <c r="E14" s="19">
        <v>1091</v>
      </c>
      <c r="F14" s="19"/>
      <c r="G14" s="18" t="s">
        <v>26</v>
      </c>
      <c r="H14" s="17"/>
      <c r="I14" s="13">
        <v>2954</v>
      </c>
      <c r="J14" s="19">
        <v>1506</v>
      </c>
      <c r="K14" s="19">
        <v>1448</v>
      </c>
    </row>
    <row r="15" spans="1:11" ht="15" customHeight="1">
      <c r="A15" s="17" t="s">
        <v>27</v>
      </c>
      <c r="B15" s="17"/>
      <c r="C15" s="13">
        <v>2198</v>
      </c>
      <c r="D15" s="19">
        <v>1126</v>
      </c>
      <c r="E15" s="19">
        <v>1072</v>
      </c>
      <c r="F15" s="19"/>
      <c r="G15" s="18" t="s">
        <v>28</v>
      </c>
      <c r="H15" s="17"/>
      <c r="I15" s="13">
        <v>2748</v>
      </c>
      <c r="J15" s="19">
        <v>1391</v>
      </c>
      <c r="K15" s="19">
        <v>1357</v>
      </c>
    </row>
    <row r="16" spans="1:11" ht="15" customHeight="1">
      <c r="A16" s="17" t="s">
        <v>29</v>
      </c>
      <c r="B16" s="17"/>
      <c r="C16" s="13">
        <v>2154</v>
      </c>
      <c r="D16" s="19">
        <v>1065</v>
      </c>
      <c r="E16" s="19">
        <v>1089</v>
      </c>
      <c r="F16" s="19"/>
      <c r="G16" s="18" t="s">
        <v>30</v>
      </c>
      <c r="H16" s="17"/>
      <c r="I16" s="13">
        <v>2671</v>
      </c>
      <c r="J16" s="19">
        <v>1325</v>
      </c>
      <c r="K16" s="19">
        <v>1346</v>
      </c>
    </row>
    <row r="17" spans="1:11" ht="20.100000000000001" customHeight="1">
      <c r="A17" s="20" t="s">
        <v>31</v>
      </c>
      <c r="B17" s="20"/>
      <c r="C17" s="13">
        <v>11279</v>
      </c>
      <c r="D17" s="14">
        <v>5692</v>
      </c>
      <c r="E17" s="14">
        <v>5587</v>
      </c>
      <c r="F17" s="14"/>
      <c r="G17" s="18" t="s">
        <v>32</v>
      </c>
      <c r="H17" s="17"/>
      <c r="I17" s="13">
        <v>12759</v>
      </c>
      <c r="J17" s="14">
        <v>6282</v>
      </c>
      <c r="K17" s="14">
        <v>6477</v>
      </c>
    </row>
    <row r="18" spans="1:11" ht="15" customHeight="1">
      <c r="A18" s="17" t="s">
        <v>33</v>
      </c>
      <c r="B18" s="17"/>
      <c r="C18" s="13">
        <v>2272</v>
      </c>
      <c r="D18" s="19">
        <v>1175</v>
      </c>
      <c r="E18" s="19">
        <v>1097</v>
      </c>
      <c r="F18" s="19"/>
      <c r="G18" s="18" t="s">
        <v>34</v>
      </c>
      <c r="H18" s="17"/>
      <c r="I18" s="13">
        <v>2703</v>
      </c>
      <c r="J18" s="19">
        <v>1353</v>
      </c>
      <c r="K18" s="19">
        <v>1350</v>
      </c>
    </row>
    <row r="19" spans="1:11" ht="15" customHeight="1">
      <c r="A19" s="17" t="s">
        <v>35</v>
      </c>
      <c r="B19" s="17"/>
      <c r="C19" s="13">
        <v>2328</v>
      </c>
      <c r="D19" s="19">
        <v>1173</v>
      </c>
      <c r="E19" s="19">
        <v>1155</v>
      </c>
      <c r="F19" s="19"/>
      <c r="G19" s="18" t="s">
        <v>36</v>
      </c>
      <c r="H19" s="17"/>
      <c r="I19" s="13">
        <v>2444</v>
      </c>
      <c r="J19" s="19">
        <v>1210</v>
      </c>
      <c r="K19" s="19">
        <v>1234</v>
      </c>
    </row>
    <row r="20" spans="1:11" ht="15" customHeight="1">
      <c r="A20" s="17" t="s">
        <v>37</v>
      </c>
      <c r="B20" s="17"/>
      <c r="C20" s="13">
        <v>2179</v>
      </c>
      <c r="D20" s="19">
        <v>1129</v>
      </c>
      <c r="E20" s="19">
        <v>1050</v>
      </c>
      <c r="F20" s="19"/>
      <c r="G20" s="18" t="s">
        <v>38</v>
      </c>
      <c r="H20" s="17"/>
      <c r="I20" s="13">
        <v>2516</v>
      </c>
      <c r="J20" s="19">
        <v>1200</v>
      </c>
      <c r="K20" s="19">
        <v>1316</v>
      </c>
    </row>
    <row r="21" spans="1:11" ht="15" customHeight="1">
      <c r="A21" s="17" t="s">
        <v>39</v>
      </c>
      <c r="B21" s="17"/>
      <c r="C21" s="13">
        <v>2284</v>
      </c>
      <c r="D21" s="19">
        <v>1119</v>
      </c>
      <c r="E21" s="19">
        <v>1165</v>
      </c>
      <c r="F21" s="19"/>
      <c r="G21" s="18" t="s">
        <v>40</v>
      </c>
      <c r="H21" s="17"/>
      <c r="I21" s="13">
        <v>2555</v>
      </c>
      <c r="J21" s="19">
        <v>1238</v>
      </c>
      <c r="K21" s="19">
        <v>1317</v>
      </c>
    </row>
    <row r="22" spans="1:11" ht="15" customHeight="1">
      <c r="A22" s="17" t="s">
        <v>41</v>
      </c>
      <c r="B22" s="17"/>
      <c r="C22" s="13">
        <v>2216</v>
      </c>
      <c r="D22" s="19">
        <v>1096</v>
      </c>
      <c r="E22" s="19">
        <v>1120</v>
      </c>
      <c r="F22" s="19"/>
      <c r="G22" s="18" t="s">
        <v>42</v>
      </c>
      <c r="H22" s="17"/>
      <c r="I22" s="13">
        <v>2541</v>
      </c>
      <c r="J22" s="19">
        <v>1281</v>
      </c>
      <c r="K22" s="19">
        <v>1260</v>
      </c>
    </row>
    <row r="23" spans="1:11" ht="20.100000000000001" customHeight="1">
      <c r="A23" s="17" t="s">
        <v>43</v>
      </c>
      <c r="B23" s="17"/>
      <c r="C23" s="13">
        <v>11823</v>
      </c>
      <c r="D23" s="14">
        <v>5922</v>
      </c>
      <c r="E23" s="14">
        <v>5901</v>
      </c>
      <c r="F23" s="14"/>
      <c r="G23" s="18" t="s">
        <v>44</v>
      </c>
      <c r="H23" s="17"/>
      <c r="I23" s="13">
        <v>15787</v>
      </c>
      <c r="J23" s="14">
        <v>7506</v>
      </c>
      <c r="K23" s="14">
        <v>8281</v>
      </c>
    </row>
    <row r="24" spans="1:11" ht="15" customHeight="1">
      <c r="A24" s="17" t="s">
        <v>45</v>
      </c>
      <c r="B24" s="17"/>
      <c r="C24" s="13">
        <v>2361</v>
      </c>
      <c r="D24" s="19">
        <v>1210</v>
      </c>
      <c r="E24" s="19">
        <v>1151</v>
      </c>
      <c r="F24" s="19"/>
      <c r="G24" s="18" t="s">
        <v>46</v>
      </c>
      <c r="H24" s="17"/>
      <c r="I24" s="13">
        <v>2747</v>
      </c>
      <c r="J24" s="19">
        <v>1347</v>
      </c>
      <c r="K24" s="19">
        <v>1400</v>
      </c>
    </row>
    <row r="25" spans="1:11" ht="15" customHeight="1">
      <c r="A25" s="17" t="s">
        <v>47</v>
      </c>
      <c r="B25" s="17"/>
      <c r="C25" s="13">
        <v>2298</v>
      </c>
      <c r="D25" s="19">
        <v>1162</v>
      </c>
      <c r="E25" s="19">
        <v>1136</v>
      </c>
      <c r="F25" s="19"/>
      <c r="G25" s="18" t="s">
        <v>48</v>
      </c>
      <c r="H25" s="17"/>
      <c r="I25" s="13">
        <v>2910</v>
      </c>
      <c r="J25" s="19">
        <v>1367</v>
      </c>
      <c r="K25" s="19">
        <v>1543</v>
      </c>
    </row>
    <row r="26" spans="1:11" ht="15" customHeight="1">
      <c r="A26" s="17" t="s">
        <v>49</v>
      </c>
      <c r="B26" s="17"/>
      <c r="C26" s="13">
        <v>2323</v>
      </c>
      <c r="D26" s="19">
        <v>1140</v>
      </c>
      <c r="E26" s="19">
        <v>1183</v>
      </c>
      <c r="F26" s="19"/>
      <c r="G26" s="18" t="s">
        <v>50</v>
      </c>
      <c r="H26" s="17"/>
      <c r="I26" s="13">
        <v>3109</v>
      </c>
      <c r="J26" s="19">
        <v>1479</v>
      </c>
      <c r="K26" s="19">
        <v>1630</v>
      </c>
    </row>
    <row r="27" spans="1:11" ht="15" customHeight="1">
      <c r="A27" s="17" t="s">
        <v>51</v>
      </c>
      <c r="B27" s="17"/>
      <c r="C27" s="13">
        <v>2472</v>
      </c>
      <c r="D27" s="19">
        <v>1233</v>
      </c>
      <c r="E27" s="19">
        <v>1239</v>
      </c>
      <c r="F27" s="19"/>
      <c r="G27" s="18" t="s">
        <v>52</v>
      </c>
      <c r="H27" s="17"/>
      <c r="I27" s="13">
        <v>3227</v>
      </c>
      <c r="J27" s="19">
        <v>1519</v>
      </c>
      <c r="K27" s="19">
        <v>1708</v>
      </c>
    </row>
    <row r="28" spans="1:11" ht="15" customHeight="1">
      <c r="A28" s="17" t="s">
        <v>53</v>
      </c>
      <c r="B28" s="17"/>
      <c r="C28" s="13">
        <v>2369</v>
      </c>
      <c r="D28" s="19">
        <v>1177</v>
      </c>
      <c r="E28" s="19">
        <v>1192</v>
      </c>
      <c r="F28" s="19"/>
      <c r="G28" s="18" t="s">
        <v>54</v>
      </c>
      <c r="H28" s="17"/>
      <c r="I28" s="13">
        <v>3794</v>
      </c>
      <c r="J28" s="19">
        <v>1794</v>
      </c>
      <c r="K28" s="19">
        <v>2000</v>
      </c>
    </row>
    <row r="29" spans="1:11" ht="20.100000000000001" customHeight="1">
      <c r="A29" s="17" t="s">
        <v>55</v>
      </c>
      <c r="B29" s="17"/>
      <c r="C29" s="13">
        <v>11293</v>
      </c>
      <c r="D29" s="14">
        <v>5720</v>
      </c>
      <c r="E29" s="14">
        <v>5573</v>
      </c>
      <c r="F29" s="14"/>
      <c r="G29" s="18" t="s">
        <v>56</v>
      </c>
      <c r="H29" s="17"/>
      <c r="I29" s="13">
        <v>15276</v>
      </c>
      <c r="J29" s="14">
        <v>6954</v>
      </c>
      <c r="K29" s="14">
        <v>8322</v>
      </c>
    </row>
    <row r="30" spans="1:11" ht="15" customHeight="1">
      <c r="A30" s="17" t="s">
        <v>57</v>
      </c>
      <c r="B30" s="17"/>
      <c r="C30" s="13">
        <v>2253</v>
      </c>
      <c r="D30" s="19">
        <v>1191</v>
      </c>
      <c r="E30" s="19">
        <v>1062</v>
      </c>
      <c r="F30" s="19"/>
      <c r="G30" s="18" t="s">
        <v>58</v>
      </c>
      <c r="H30" s="17"/>
      <c r="I30" s="13">
        <v>3714</v>
      </c>
      <c r="J30" s="19">
        <v>1655</v>
      </c>
      <c r="K30" s="19">
        <v>2059</v>
      </c>
    </row>
    <row r="31" spans="1:11" ht="15" customHeight="1">
      <c r="A31" s="17" t="s">
        <v>59</v>
      </c>
      <c r="B31" s="17"/>
      <c r="C31" s="13">
        <v>2397</v>
      </c>
      <c r="D31" s="19">
        <v>1186</v>
      </c>
      <c r="E31" s="19">
        <v>1211</v>
      </c>
      <c r="F31" s="19"/>
      <c r="G31" s="18" t="s">
        <v>60</v>
      </c>
      <c r="H31" s="17"/>
      <c r="I31" s="13">
        <v>3699</v>
      </c>
      <c r="J31" s="19">
        <v>1711</v>
      </c>
      <c r="K31" s="19">
        <v>1988</v>
      </c>
    </row>
    <row r="32" spans="1:11" ht="15" customHeight="1">
      <c r="A32" s="17" t="s">
        <v>61</v>
      </c>
      <c r="B32" s="17"/>
      <c r="C32" s="13">
        <v>2228</v>
      </c>
      <c r="D32" s="19">
        <v>1160</v>
      </c>
      <c r="E32" s="19">
        <v>1068</v>
      </c>
      <c r="F32" s="19"/>
      <c r="G32" s="18" t="s">
        <v>62</v>
      </c>
      <c r="H32" s="17"/>
      <c r="I32" s="13">
        <v>2668</v>
      </c>
      <c r="J32" s="19">
        <v>1216</v>
      </c>
      <c r="K32" s="19">
        <v>1452</v>
      </c>
    </row>
    <row r="33" spans="1:11" ht="15" customHeight="1">
      <c r="A33" s="17" t="s">
        <v>63</v>
      </c>
      <c r="B33" s="17"/>
      <c r="C33" s="13">
        <v>2202</v>
      </c>
      <c r="D33" s="19">
        <v>1077</v>
      </c>
      <c r="E33" s="19">
        <v>1125</v>
      </c>
      <c r="F33" s="19"/>
      <c r="G33" s="18" t="s">
        <v>64</v>
      </c>
      <c r="H33" s="17"/>
      <c r="I33" s="13">
        <v>2373</v>
      </c>
      <c r="J33" s="19">
        <v>1096</v>
      </c>
      <c r="K33" s="19">
        <v>1277</v>
      </c>
    </row>
    <row r="34" spans="1:11" ht="15" customHeight="1">
      <c r="A34" s="17" t="s">
        <v>65</v>
      </c>
      <c r="B34" s="17"/>
      <c r="C34" s="13">
        <v>2213</v>
      </c>
      <c r="D34" s="19">
        <v>1106</v>
      </c>
      <c r="E34" s="19">
        <v>1107</v>
      </c>
      <c r="F34" s="19"/>
      <c r="G34" s="18" t="s">
        <v>66</v>
      </c>
      <c r="H34" s="17"/>
      <c r="I34" s="13">
        <v>2822</v>
      </c>
      <c r="J34" s="19">
        <v>1276</v>
      </c>
      <c r="K34" s="19">
        <v>1546</v>
      </c>
    </row>
    <row r="35" spans="1:11" ht="20.100000000000001" customHeight="1">
      <c r="A35" s="17" t="s">
        <v>67</v>
      </c>
      <c r="B35" s="17"/>
      <c r="C35" s="13">
        <v>9915</v>
      </c>
      <c r="D35" s="14">
        <v>4889</v>
      </c>
      <c r="E35" s="14">
        <v>5026</v>
      </c>
      <c r="F35" s="14"/>
      <c r="G35" s="18" t="s">
        <v>68</v>
      </c>
      <c r="H35" s="17"/>
      <c r="I35" s="13">
        <v>13547</v>
      </c>
      <c r="J35" s="14">
        <v>6138</v>
      </c>
      <c r="K35" s="14">
        <v>7409</v>
      </c>
    </row>
    <row r="36" spans="1:11" ht="15" customHeight="1">
      <c r="A36" s="17" t="s">
        <v>69</v>
      </c>
      <c r="B36" s="17"/>
      <c r="C36" s="13">
        <v>2044</v>
      </c>
      <c r="D36" s="19">
        <v>993</v>
      </c>
      <c r="E36" s="19">
        <v>1051</v>
      </c>
      <c r="F36" s="19"/>
      <c r="G36" s="18" t="s">
        <v>70</v>
      </c>
      <c r="H36" s="17"/>
      <c r="I36" s="13">
        <v>2962</v>
      </c>
      <c r="J36" s="19">
        <v>1349</v>
      </c>
      <c r="K36" s="19">
        <v>1613</v>
      </c>
    </row>
    <row r="37" spans="1:11" ht="15" customHeight="1">
      <c r="A37" s="17" t="s">
        <v>71</v>
      </c>
      <c r="B37" s="17"/>
      <c r="C37" s="13">
        <v>1886</v>
      </c>
      <c r="D37" s="19">
        <v>942</v>
      </c>
      <c r="E37" s="19">
        <v>944</v>
      </c>
      <c r="F37" s="19"/>
      <c r="G37" s="18" t="s">
        <v>72</v>
      </c>
      <c r="H37" s="17"/>
      <c r="I37" s="13">
        <v>2896</v>
      </c>
      <c r="J37" s="19">
        <v>1324</v>
      </c>
      <c r="K37" s="19">
        <v>1572</v>
      </c>
    </row>
    <row r="38" spans="1:11" ht="15" customHeight="1">
      <c r="A38" s="17" t="s">
        <v>73</v>
      </c>
      <c r="B38" s="17"/>
      <c r="C38" s="13">
        <v>2027</v>
      </c>
      <c r="D38" s="19">
        <v>1025</v>
      </c>
      <c r="E38" s="19">
        <v>1002</v>
      </c>
      <c r="F38" s="19"/>
      <c r="G38" s="18" t="s">
        <v>74</v>
      </c>
      <c r="H38" s="17"/>
      <c r="I38" s="13">
        <v>2900</v>
      </c>
      <c r="J38" s="19">
        <v>1301</v>
      </c>
      <c r="K38" s="19">
        <v>1599</v>
      </c>
    </row>
    <row r="39" spans="1:11" ht="15" customHeight="1">
      <c r="A39" s="17" t="s">
        <v>75</v>
      </c>
      <c r="B39" s="17"/>
      <c r="C39" s="13">
        <v>1962</v>
      </c>
      <c r="D39" s="19">
        <v>954</v>
      </c>
      <c r="E39" s="19">
        <v>1008</v>
      </c>
      <c r="F39" s="19"/>
      <c r="G39" s="18" t="s">
        <v>76</v>
      </c>
      <c r="H39" s="17"/>
      <c r="I39" s="13">
        <v>2649</v>
      </c>
      <c r="J39" s="19">
        <v>1212</v>
      </c>
      <c r="K39" s="19">
        <v>1437</v>
      </c>
    </row>
    <row r="40" spans="1:11" ht="15" customHeight="1">
      <c r="A40" s="17" t="s">
        <v>77</v>
      </c>
      <c r="B40" s="17"/>
      <c r="C40" s="13">
        <v>1996</v>
      </c>
      <c r="D40" s="19">
        <v>975</v>
      </c>
      <c r="E40" s="19">
        <v>1021</v>
      </c>
      <c r="F40" s="19"/>
      <c r="G40" s="18" t="s">
        <v>78</v>
      </c>
      <c r="H40" s="17"/>
      <c r="I40" s="13">
        <v>2140</v>
      </c>
      <c r="J40" s="19">
        <v>952</v>
      </c>
      <c r="K40" s="19">
        <v>1188</v>
      </c>
    </row>
    <row r="41" spans="1:11" ht="20.100000000000001" customHeight="1">
      <c r="A41" s="17" t="s">
        <v>79</v>
      </c>
      <c r="B41" s="17"/>
      <c r="C41" s="13">
        <v>12241</v>
      </c>
      <c r="D41" s="14">
        <v>6142</v>
      </c>
      <c r="E41" s="14">
        <v>6099</v>
      </c>
      <c r="F41" s="14"/>
      <c r="G41" s="18" t="s">
        <v>80</v>
      </c>
      <c r="H41" s="17"/>
      <c r="I41" s="13">
        <v>9794</v>
      </c>
      <c r="J41" s="14">
        <v>4317</v>
      </c>
      <c r="K41" s="14">
        <v>5477</v>
      </c>
    </row>
    <row r="42" spans="1:11" ht="15" customHeight="1">
      <c r="A42" s="17" t="s">
        <v>81</v>
      </c>
      <c r="B42" s="17"/>
      <c r="C42" s="13">
        <v>2256</v>
      </c>
      <c r="D42" s="19">
        <v>1147</v>
      </c>
      <c r="E42" s="19">
        <v>1109</v>
      </c>
      <c r="F42" s="19"/>
      <c r="G42" s="18" t="s">
        <v>82</v>
      </c>
      <c r="H42" s="17"/>
      <c r="I42" s="13">
        <v>2007</v>
      </c>
      <c r="J42" s="19">
        <v>911</v>
      </c>
      <c r="K42" s="19">
        <v>1096</v>
      </c>
    </row>
    <row r="43" spans="1:11" ht="15" customHeight="1">
      <c r="A43" s="17" t="s">
        <v>83</v>
      </c>
      <c r="B43" s="17"/>
      <c r="C43" s="13">
        <v>2264</v>
      </c>
      <c r="D43" s="19">
        <v>1160</v>
      </c>
      <c r="E43" s="19">
        <v>1104</v>
      </c>
      <c r="F43" s="19"/>
      <c r="G43" s="18" t="s">
        <v>84</v>
      </c>
      <c r="H43" s="17"/>
      <c r="I43" s="13">
        <v>2275</v>
      </c>
      <c r="J43" s="19">
        <v>1046</v>
      </c>
      <c r="K43" s="19">
        <v>1229</v>
      </c>
    </row>
    <row r="44" spans="1:11" ht="15" customHeight="1">
      <c r="A44" s="17" t="s">
        <v>85</v>
      </c>
      <c r="B44" s="17"/>
      <c r="C44" s="13">
        <v>2436</v>
      </c>
      <c r="D44" s="19">
        <v>1279</v>
      </c>
      <c r="E44" s="19">
        <v>1157</v>
      </c>
      <c r="F44" s="19"/>
      <c r="G44" s="18" t="s">
        <v>86</v>
      </c>
      <c r="H44" s="17"/>
      <c r="I44" s="13">
        <v>2003</v>
      </c>
      <c r="J44" s="19">
        <v>872</v>
      </c>
      <c r="K44" s="19">
        <v>1131</v>
      </c>
    </row>
    <row r="45" spans="1:11" ht="15" customHeight="1">
      <c r="A45" s="17" t="s">
        <v>87</v>
      </c>
      <c r="B45" s="17"/>
      <c r="C45" s="13">
        <v>2550</v>
      </c>
      <c r="D45" s="19">
        <v>1257</v>
      </c>
      <c r="E45" s="19">
        <v>1293</v>
      </c>
      <c r="F45" s="19"/>
      <c r="G45" s="18" t="s">
        <v>88</v>
      </c>
      <c r="H45" s="17"/>
      <c r="I45" s="13">
        <v>1914</v>
      </c>
      <c r="J45" s="19">
        <v>828</v>
      </c>
      <c r="K45" s="19">
        <v>1086</v>
      </c>
    </row>
    <row r="46" spans="1:11" ht="15" customHeight="1">
      <c r="A46" s="17" t="s">
        <v>89</v>
      </c>
      <c r="B46" s="17"/>
      <c r="C46" s="13">
        <v>2735</v>
      </c>
      <c r="D46" s="19">
        <v>1299</v>
      </c>
      <c r="E46" s="19">
        <v>1436</v>
      </c>
      <c r="F46" s="19"/>
      <c r="G46" s="18" t="s">
        <v>90</v>
      </c>
      <c r="H46" s="17"/>
      <c r="I46" s="13">
        <v>1595</v>
      </c>
      <c r="J46" s="19">
        <v>660</v>
      </c>
      <c r="K46" s="19">
        <v>935</v>
      </c>
    </row>
    <row r="47" spans="1:11" ht="20.100000000000001" customHeight="1">
      <c r="A47" s="17" t="s">
        <v>91</v>
      </c>
      <c r="B47" s="17"/>
      <c r="C47" s="13">
        <v>15388</v>
      </c>
      <c r="D47" s="14">
        <v>7641</v>
      </c>
      <c r="E47" s="14">
        <v>7747</v>
      </c>
      <c r="F47" s="14"/>
      <c r="G47" s="18" t="s">
        <v>92</v>
      </c>
      <c r="H47" s="17"/>
      <c r="I47" s="13">
        <v>5736</v>
      </c>
      <c r="J47" s="14">
        <v>2121</v>
      </c>
      <c r="K47" s="14">
        <v>3615</v>
      </c>
    </row>
    <row r="48" spans="1:11" ht="15" customHeight="1">
      <c r="A48" s="17" t="s">
        <v>93</v>
      </c>
      <c r="B48" s="17"/>
      <c r="C48" s="13">
        <v>2870</v>
      </c>
      <c r="D48" s="19">
        <v>1443</v>
      </c>
      <c r="E48" s="19">
        <v>1427</v>
      </c>
      <c r="F48" s="19"/>
      <c r="G48" s="18" t="s">
        <v>94</v>
      </c>
      <c r="H48" s="17"/>
      <c r="I48" s="13">
        <v>1435</v>
      </c>
      <c r="J48" s="19">
        <v>561</v>
      </c>
      <c r="K48" s="19">
        <v>874</v>
      </c>
    </row>
    <row r="49" spans="1:11" ht="15" customHeight="1">
      <c r="A49" s="17" t="s">
        <v>95</v>
      </c>
      <c r="B49" s="17"/>
      <c r="C49" s="13">
        <v>2915</v>
      </c>
      <c r="D49" s="19">
        <v>1409</v>
      </c>
      <c r="E49" s="19">
        <v>1506</v>
      </c>
      <c r="F49" s="19"/>
      <c r="G49" s="18" t="s">
        <v>96</v>
      </c>
      <c r="H49" s="17"/>
      <c r="I49" s="13">
        <v>1265</v>
      </c>
      <c r="J49" s="19">
        <v>468</v>
      </c>
      <c r="K49" s="19">
        <v>797</v>
      </c>
    </row>
    <row r="50" spans="1:11" ht="15" customHeight="1">
      <c r="A50" s="17" t="s">
        <v>97</v>
      </c>
      <c r="B50" s="17"/>
      <c r="C50" s="13">
        <v>3017</v>
      </c>
      <c r="D50" s="19">
        <v>1524</v>
      </c>
      <c r="E50" s="19">
        <v>1493</v>
      </c>
      <c r="F50" s="19"/>
      <c r="G50" s="18" t="s">
        <v>98</v>
      </c>
      <c r="H50" s="17"/>
      <c r="I50" s="13">
        <v>1230</v>
      </c>
      <c r="J50" s="19">
        <v>469</v>
      </c>
      <c r="K50" s="19">
        <v>761</v>
      </c>
    </row>
    <row r="51" spans="1:11" ht="15" customHeight="1">
      <c r="A51" s="17" t="s">
        <v>99</v>
      </c>
      <c r="B51" s="17"/>
      <c r="C51" s="13">
        <v>3178</v>
      </c>
      <c r="D51" s="19">
        <v>1540</v>
      </c>
      <c r="E51" s="19">
        <v>1638</v>
      </c>
      <c r="F51" s="19"/>
      <c r="G51" s="18" t="s">
        <v>100</v>
      </c>
      <c r="H51" s="17"/>
      <c r="I51" s="13">
        <v>970</v>
      </c>
      <c r="J51" s="19">
        <v>337</v>
      </c>
      <c r="K51" s="19">
        <v>633</v>
      </c>
    </row>
    <row r="52" spans="1:11" ht="15" customHeight="1">
      <c r="A52" s="17" t="s">
        <v>101</v>
      </c>
      <c r="B52" s="17"/>
      <c r="C52" s="13">
        <v>3408</v>
      </c>
      <c r="D52" s="19">
        <v>1725</v>
      </c>
      <c r="E52" s="19">
        <v>1683</v>
      </c>
      <c r="F52" s="19"/>
      <c r="G52" s="18" t="s">
        <v>102</v>
      </c>
      <c r="H52" s="17"/>
      <c r="I52" s="13">
        <v>836</v>
      </c>
      <c r="J52" s="19">
        <v>286</v>
      </c>
      <c r="K52" s="19">
        <v>550</v>
      </c>
    </row>
    <row r="53" spans="1:11" ht="20.100000000000001" customHeight="1">
      <c r="A53" s="17" t="s">
        <v>103</v>
      </c>
      <c r="B53" s="17"/>
      <c r="C53" s="13">
        <v>18924</v>
      </c>
      <c r="D53" s="14">
        <v>9418</v>
      </c>
      <c r="E53" s="14">
        <v>9506</v>
      </c>
      <c r="F53" s="14"/>
      <c r="G53" s="18" t="s">
        <v>104</v>
      </c>
      <c r="H53" s="17"/>
      <c r="I53" s="13">
        <v>2570</v>
      </c>
      <c r="J53" s="14">
        <v>781</v>
      </c>
      <c r="K53" s="14">
        <v>1789</v>
      </c>
    </row>
    <row r="54" spans="1:11" ht="15" customHeight="1">
      <c r="A54" s="17" t="s">
        <v>105</v>
      </c>
      <c r="B54" s="17"/>
      <c r="C54" s="13">
        <v>3481</v>
      </c>
      <c r="D54" s="19">
        <v>1708</v>
      </c>
      <c r="E54" s="19">
        <v>1773</v>
      </c>
      <c r="F54" s="19"/>
      <c r="G54" s="18" t="s">
        <v>106</v>
      </c>
      <c r="H54" s="17"/>
      <c r="I54" s="13">
        <v>698</v>
      </c>
      <c r="J54" s="19">
        <v>241</v>
      </c>
      <c r="K54" s="19">
        <v>457</v>
      </c>
    </row>
    <row r="55" spans="1:11" ht="15" customHeight="1">
      <c r="A55" s="17" t="s">
        <v>107</v>
      </c>
      <c r="B55" s="17"/>
      <c r="C55" s="13">
        <v>3454</v>
      </c>
      <c r="D55" s="19">
        <v>1726</v>
      </c>
      <c r="E55" s="19">
        <v>1728</v>
      </c>
      <c r="F55" s="19"/>
      <c r="G55" s="18" t="s">
        <v>108</v>
      </c>
      <c r="H55" s="17"/>
      <c r="I55" s="13">
        <v>607</v>
      </c>
      <c r="J55" s="19">
        <v>193</v>
      </c>
      <c r="K55" s="19">
        <v>414</v>
      </c>
    </row>
    <row r="56" spans="1:11" ht="15" customHeight="1">
      <c r="A56" s="17" t="s">
        <v>109</v>
      </c>
      <c r="B56" s="17"/>
      <c r="C56" s="13">
        <v>3802</v>
      </c>
      <c r="D56" s="19">
        <v>1912</v>
      </c>
      <c r="E56" s="19">
        <v>1890</v>
      </c>
      <c r="F56" s="19"/>
      <c r="G56" s="18" t="s">
        <v>110</v>
      </c>
      <c r="H56" s="17"/>
      <c r="I56" s="13">
        <v>526</v>
      </c>
      <c r="J56" s="19">
        <v>147</v>
      </c>
      <c r="K56" s="19">
        <v>379</v>
      </c>
    </row>
    <row r="57" spans="1:11" ht="15" customHeight="1">
      <c r="A57" s="17" t="s">
        <v>111</v>
      </c>
      <c r="B57" s="17"/>
      <c r="C57" s="13">
        <v>3923</v>
      </c>
      <c r="D57" s="19">
        <v>1933</v>
      </c>
      <c r="E57" s="19">
        <v>1990</v>
      </c>
      <c r="F57" s="19"/>
      <c r="G57" s="18" t="s">
        <v>112</v>
      </c>
      <c r="H57" s="17"/>
      <c r="I57" s="13">
        <v>413</v>
      </c>
      <c r="J57" s="19">
        <v>117</v>
      </c>
      <c r="K57" s="19">
        <v>296</v>
      </c>
    </row>
    <row r="58" spans="1:11" ht="15" customHeight="1">
      <c r="A58" s="17" t="s">
        <v>113</v>
      </c>
      <c r="B58" s="17"/>
      <c r="C58" s="13">
        <v>4264</v>
      </c>
      <c r="D58" s="19">
        <v>2139</v>
      </c>
      <c r="E58" s="19">
        <v>2125</v>
      </c>
      <c r="F58" s="19"/>
      <c r="G58" s="18" t="s">
        <v>114</v>
      </c>
      <c r="H58" s="17"/>
      <c r="I58" s="13">
        <v>326</v>
      </c>
      <c r="J58" s="19">
        <v>83</v>
      </c>
      <c r="K58" s="19">
        <v>243</v>
      </c>
    </row>
    <row r="59" spans="1:11" ht="20.100000000000001" customHeight="1">
      <c r="A59" s="17" t="s">
        <v>115</v>
      </c>
      <c r="B59" s="17"/>
      <c r="C59" s="13">
        <v>21092</v>
      </c>
      <c r="D59" s="14">
        <v>10570</v>
      </c>
      <c r="E59" s="14">
        <v>10522</v>
      </c>
      <c r="F59" s="14"/>
      <c r="G59" s="18" t="s">
        <v>116</v>
      </c>
      <c r="H59" s="17"/>
      <c r="I59" s="13">
        <v>680</v>
      </c>
      <c r="J59" s="14">
        <v>126</v>
      </c>
      <c r="K59" s="14">
        <v>554</v>
      </c>
    </row>
    <row r="60" spans="1:11" ht="15" customHeight="1">
      <c r="A60" s="17" t="s">
        <v>117</v>
      </c>
      <c r="B60" s="17"/>
      <c r="C60" s="13">
        <v>4297</v>
      </c>
      <c r="D60" s="19">
        <v>2119</v>
      </c>
      <c r="E60" s="19">
        <v>2178</v>
      </c>
      <c r="F60" s="19"/>
      <c r="G60" s="18" t="s">
        <v>118</v>
      </c>
      <c r="H60" s="17"/>
      <c r="I60" s="13">
        <v>237</v>
      </c>
      <c r="J60" s="19">
        <v>51</v>
      </c>
      <c r="K60" s="19">
        <v>186</v>
      </c>
    </row>
    <row r="61" spans="1:11" ht="15" customHeight="1">
      <c r="A61" s="17" t="s">
        <v>119</v>
      </c>
      <c r="B61" s="17"/>
      <c r="C61" s="13">
        <v>4241</v>
      </c>
      <c r="D61" s="19">
        <v>2098</v>
      </c>
      <c r="E61" s="19">
        <v>2143</v>
      </c>
      <c r="F61" s="19"/>
      <c r="G61" s="18" t="s">
        <v>120</v>
      </c>
      <c r="H61" s="17"/>
      <c r="I61" s="13">
        <v>172</v>
      </c>
      <c r="J61" s="19">
        <v>26</v>
      </c>
      <c r="K61" s="19">
        <v>146</v>
      </c>
    </row>
    <row r="62" spans="1:11" ht="15" customHeight="1">
      <c r="A62" s="17" t="s">
        <v>121</v>
      </c>
      <c r="B62" s="17"/>
      <c r="C62" s="13">
        <v>4265</v>
      </c>
      <c r="D62" s="19">
        <v>2180</v>
      </c>
      <c r="E62" s="19">
        <v>2085</v>
      </c>
      <c r="F62" s="19"/>
      <c r="G62" s="18" t="s">
        <v>122</v>
      </c>
      <c r="H62" s="17"/>
      <c r="I62" s="13">
        <v>129</v>
      </c>
      <c r="J62" s="19">
        <v>27</v>
      </c>
      <c r="K62" s="19">
        <v>102</v>
      </c>
    </row>
    <row r="63" spans="1:11" ht="15" customHeight="1">
      <c r="A63" s="17" t="s">
        <v>123</v>
      </c>
      <c r="B63" s="17"/>
      <c r="C63" s="13">
        <v>4134</v>
      </c>
      <c r="D63" s="19">
        <v>2109</v>
      </c>
      <c r="E63" s="19">
        <v>2025</v>
      </c>
      <c r="F63" s="19"/>
      <c r="G63" s="18" t="s">
        <v>124</v>
      </c>
      <c r="H63" s="17"/>
      <c r="I63" s="13">
        <v>91</v>
      </c>
      <c r="J63" s="19">
        <v>15</v>
      </c>
      <c r="K63" s="19">
        <v>76</v>
      </c>
    </row>
    <row r="64" spans="1:11" ht="15" customHeight="1">
      <c r="A64" s="17" t="s">
        <v>125</v>
      </c>
      <c r="B64" s="17"/>
      <c r="C64" s="13">
        <v>4155</v>
      </c>
      <c r="D64" s="19">
        <v>2064</v>
      </c>
      <c r="E64" s="19">
        <v>2091</v>
      </c>
      <c r="F64" s="19"/>
      <c r="G64" s="18" t="s">
        <v>126</v>
      </c>
      <c r="H64" s="17"/>
      <c r="I64" s="13">
        <v>51</v>
      </c>
      <c r="J64" s="19">
        <v>7</v>
      </c>
      <c r="K64" s="19">
        <v>4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70</v>
      </c>
      <c r="J65" s="19">
        <v>3</v>
      </c>
      <c r="K65" s="19">
        <v>67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770</v>
      </c>
      <c r="J66" s="29">
        <v>512</v>
      </c>
      <c r="K66" s="29">
        <v>258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0" pageOrder="overThenDown" orientation="portrait" blackAndWhite="1" useFirstPageNumber="1" horizontalDpi="300" verticalDpi="300"/>
  <headerFooter scaleWithDoc="0"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5396</v>
      </c>
      <c r="D4" s="14">
        <v>84646</v>
      </c>
      <c r="E4" s="14">
        <v>8075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273</v>
      </c>
      <c r="D5" s="14">
        <v>2780</v>
      </c>
      <c r="E5" s="14">
        <v>2493</v>
      </c>
      <c r="F5" s="14"/>
      <c r="G5" s="18" t="s">
        <v>8</v>
      </c>
      <c r="H5" s="17"/>
      <c r="I5" s="13">
        <v>10922</v>
      </c>
      <c r="J5" s="14">
        <v>5768</v>
      </c>
      <c r="K5" s="14">
        <v>5154</v>
      </c>
    </row>
    <row r="6" spans="1:11" ht="15" customHeight="1">
      <c r="A6" s="17" t="s">
        <v>9</v>
      </c>
      <c r="B6" s="17"/>
      <c r="C6" s="13">
        <v>903</v>
      </c>
      <c r="D6" s="19">
        <v>487</v>
      </c>
      <c r="E6" s="19">
        <v>416</v>
      </c>
      <c r="F6" s="19"/>
      <c r="G6" s="18" t="s">
        <v>10</v>
      </c>
      <c r="H6" s="17"/>
      <c r="I6" s="13">
        <v>2334</v>
      </c>
      <c r="J6" s="19">
        <v>1261</v>
      </c>
      <c r="K6" s="19">
        <v>1073</v>
      </c>
    </row>
    <row r="7" spans="1:11" ht="15" customHeight="1">
      <c r="A7" s="17" t="s">
        <v>11</v>
      </c>
      <c r="B7" s="17"/>
      <c r="C7" s="13">
        <v>1027</v>
      </c>
      <c r="D7" s="19">
        <v>539</v>
      </c>
      <c r="E7" s="19">
        <v>488</v>
      </c>
      <c r="F7" s="19"/>
      <c r="G7" s="18" t="s">
        <v>12</v>
      </c>
      <c r="H7" s="17"/>
      <c r="I7" s="13">
        <v>2411</v>
      </c>
      <c r="J7" s="19">
        <v>1274</v>
      </c>
      <c r="K7" s="19">
        <v>1137</v>
      </c>
    </row>
    <row r="8" spans="1:11" ht="15" customHeight="1">
      <c r="A8" s="17" t="s">
        <v>13</v>
      </c>
      <c r="B8" s="17"/>
      <c r="C8" s="13">
        <v>1077</v>
      </c>
      <c r="D8" s="19">
        <v>589</v>
      </c>
      <c r="E8" s="19">
        <v>488</v>
      </c>
      <c r="F8" s="19"/>
      <c r="G8" s="18" t="s">
        <v>14</v>
      </c>
      <c r="H8" s="17"/>
      <c r="I8" s="13">
        <v>1710</v>
      </c>
      <c r="J8" s="19">
        <v>944</v>
      </c>
      <c r="K8" s="19">
        <v>766</v>
      </c>
    </row>
    <row r="9" spans="1:11" ht="15" customHeight="1">
      <c r="A9" s="17" t="s">
        <v>15</v>
      </c>
      <c r="B9" s="17"/>
      <c r="C9" s="13">
        <v>1138</v>
      </c>
      <c r="D9" s="19">
        <v>559</v>
      </c>
      <c r="E9" s="19">
        <v>579</v>
      </c>
      <c r="F9" s="19"/>
      <c r="G9" s="18" t="s">
        <v>16</v>
      </c>
      <c r="H9" s="17"/>
      <c r="I9" s="13">
        <v>2254</v>
      </c>
      <c r="J9" s="19">
        <v>1138</v>
      </c>
      <c r="K9" s="19">
        <v>1116</v>
      </c>
    </row>
    <row r="10" spans="1:11" ht="15" customHeight="1">
      <c r="A10" s="17" t="s">
        <v>17</v>
      </c>
      <c r="B10" s="17"/>
      <c r="C10" s="13">
        <v>1128</v>
      </c>
      <c r="D10" s="19">
        <v>606</v>
      </c>
      <c r="E10" s="19">
        <v>522</v>
      </c>
      <c r="F10" s="19"/>
      <c r="G10" s="18" t="s">
        <v>18</v>
      </c>
      <c r="H10" s="17"/>
      <c r="I10" s="13">
        <v>2213</v>
      </c>
      <c r="J10" s="19">
        <v>1151</v>
      </c>
      <c r="K10" s="19">
        <v>1062</v>
      </c>
    </row>
    <row r="11" spans="1:11" ht="20.100000000000001" customHeight="1">
      <c r="A11" s="17" t="s">
        <v>19</v>
      </c>
      <c r="B11" s="17"/>
      <c r="C11" s="13">
        <v>6388</v>
      </c>
      <c r="D11" s="14">
        <v>3290</v>
      </c>
      <c r="E11" s="14">
        <v>3098</v>
      </c>
      <c r="F11" s="14"/>
      <c r="G11" s="18" t="s">
        <v>20</v>
      </c>
      <c r="H11" s="17"/>
      <c r="I11" s="13">
        <v>9422</v>
      </c>
      <c r="J11" s="14">
        <v>4821</v>
      </c>
      <c r="K11" s="14">
        <v>4601</v>
      </c>
    </row>
    <row r="12" spans="1:11" ht="15" customHeight="1">
      <c r="A12" s="17" t="s">
        <v>21</v>
      </c>
      <c r="B12" s="17"/>
      <c r="C12" s="13">
        <v>1219</v>
      </c>
      <c r="D12" s="19">
        <v>605</v>
      </c>
      <c r="E12" s="19">
        <v>614</v>
      </c>
      <c r="F12" s="19"/>
      <c r="G12" s="18" t="s">
        <v>22</v>
      </c>
      <c r="H12" s="17"/>
      <c r="I12" s="13">
        <v>1975</v>
      </c>
      <c r="J12" s="19">
        <v>1050</v>
      </c>
      <c r="K12" s="19">
        <v>925</v>
      </c>
    </row>
    <row r="13" spans="1:11" ht="15" customHeight="1">
      <c r="A13" s="17" t="s">
        <v>23</v>
      </c>
      <c r="B13" s="17"/>
      <c r="C13" s="13">
        <v>1259</v>
      </c>
      <c r="D13" s="19">
        <v>663</v>
      </c>
      <c r="E13" s="19">
        <v>596</v>
      </c>
      <c r="F13" s="19"/>
      <c r="G13" s="18" t="s">
        <v>24</v>
      </c>
      <c r="H13" s="17"/>
      <c r="I13" s="13">
        <v>1887</v>
      </c>
      <c r="J13" s="19">
        <v>978</v>
      </c>
      <c r="K13" s="19">
        <v>909</v>
      </c>
    </row>
    <row r="14" spans="1:11" ht="15" customHeight="1">
      <c r="A14" s="17" t="s">
        <v>25</v>
      </c>
      <c r="B14" s="17"/>
      <c r="C14" s="13">
        <v>1289</v>
      </c>
      <c r="D14" s="19">
        <v>663</v>
      </c>
      <c r="E14" s="19">
        <v>626</v>
      </c>
      <c r="F14" s="19"/>
      <c r="G14" s="18" t="s">
        <v>26</v>
      </c>
      <c r="H14" s="17"/>
      <c r="I14" s="13">
        <v>1865</v>
      </c>
      <c r="J14" s="19">
        <v>929</v>
      </c>
      <c r="K14" s="19">
        <v>936</v>
      </c>
    </row>
    <row r="15" spans="1:11" ht="15" customHeight="1">
      <c r="A15" s="17" t="s">
        <v>27</v>
      </c>
      <c r="B15" s="17"/>
      <c r="C15" s="13">
        <v>1291</v>
      </c>
      <c r="D15" s="19">
        <v>670</v>
      </c>
      <c r="E15" s="19">
        <v>621</v>
      </c>
      <c r="F15" s="19"/>
      <c r="G15" s="18" t="s">
        <v>28</v>
      </c>
      <c r="H15" s="17"/>
      <c r="I15" s="13">
        <v>1860</v>
      </c>
      <c r="J15" s="19">
        <v>928</v>
      </c>
      <c r="K15" s="19">
        <v>932</v>
      </c>
    </row>
    <row r="16" spans="1:11" ht="15" customHeight="1">
      <c r="A16" s="17" t="s">
        <v>29</v>
      </c>
      <c r="B16" s="17"/>
      <c r="C16" s="13">
        <v>1330</v>
      </c>
      <c r="D16" s="19">
        <v>689</v>
      </c>
      <c r="E16" s="19">
        <v>641</v>
      </c>
      <c r="F16" s="19"/>
      <c r="G16" s="18" t="s">
        <v>30</v>
      </c>
      <c r="H16" s="17"/>
      <c r="I16" s="13">
        <v>1835</v>
      </c>
      <c r="J16" s="19">
        <v>936</v>
      </c>
      <c r="K16" s="19">
        <v>899</v>
      </c>
    </row>
    <row r="17" spans="1:11" ht="20.100000000000001" customHeight="1">
      <c r="A17" s="20" t="s">
        <v>31</v>
      </c>
      <c r="B17" s="20"/>
      <c r="C17" s="13">
        <v>6912</v>
      </c>
      <c r="D17" s="14">
        <v>3482</v>
      </c>
      <c r="E17" s="14">
        <v>3430</v>
      </c>
      <c r="F17" s="14"/>
      <c r="G17" s="18" t="s">
        <v>32</v>
      </c>
      <c r="H17" s="17"/>
      <c r="I17" s="13">
        <v>9972</v>
      </c>
      <c r="J17" s="14">
        <v>4926</v>
      </c>
      <c r="K17" s="14">
        <v>5046</v>
      </c>
    </row>
    <row r="18" spans="1:11" ht="15" customHeight="1">
      <c r="A18" s="17" t="s">
        <v>33</v>
      </c>
      <c r="B18" s="17"/>
      <c r="C18" s="13">
        <v>1413</v>
      </c>
      <c r="D18" s="19">
        <v>744</v>
      </c>
      <c r="E18" s="19">
        <v>669</v>
      </c>
      <c r="F18" s="19"/>
      <c r="G18" s="18" t="s">
        <v>34</v>
      </c>
      <c r="H18" s="17"/>
      <c r="I18" s="13">
        <v>1952</v>
      </c>
      <c r="J18" s="19">
        <v>967</v>
      </c>
      <c r="K18" s="19">
        <v>985</v>
      </c>
    </row>
    <row r="19" spans="1:11" ht="15" customHeight="1">
      <c r="A19" s="17" t="s">
        <v>35</v>
      </c>
      <c r="B19" s="17"/>
      <c r="C19" s="13">
        <v>1376</v>
      </c>
      <c r="D19" s="19">
        <v>701</v>
      </c>
      <c r="E19" s="19">
        <v>675</v>
      </c>
      <c r="F19" s="19"/>
      <c r="G19" s="18" t="s">
        <v>36</v>
      </c>
      <c r="H19" s="17"/>
      <c r="I19" s="13">
        <v>1814</v>
      </c>
      <c r="J19" s="19">
        <v>900</v>
      </c>
      <c r="K19" s="19">
        <v>914</v>
      </c>
    </row>
    <row r="20" spans="1:11" ht="15" customHeight="1">
      <c r="A20" s="17" t="s">
        <v>37</v>
      </c>
      <c r="B20" s="17"/>
      <c r="C20" s="13">
        <v>1389</v>
      </c>
      <c r="D20" s="19">
        <v>708</v>
      </c>
      <c r="E20" s="19">
        <v>681</v>
      </c>
      <c r="F20" s="19"/>
      <c r="G20" s="18" t="s">
        <v>38</v>
      </c>
      <c r="H20" s="17"/>
      <c r="I20" s="13">
        <v>1952</v>
      </c>
      <c r="J20" s="19">
        <v>972</v>
      </c>
      <c r="K20" s="19">
        <v>980</v>
      </c>
    </row>
    <row r="21" spans="1:11" ht="15" customHeight="1">
      <c r="A21" s="17" t="s">
        <v>39</v>
      </c>
      <c r="B21" s="17"/>
      <c r="C21" s="13">
        <v>1356</v>
      </c>
      <c r="D21" s="19">
        <v>669</v>
      </c>
      <c r="E21" s="19">
        <v>687</v>
      </c>
      <c r="F21" s="19"/>
      <c r="G21" s="18" t="s">
        <v>40</v>
      </c>
      <c r="H21" s="17"/>
      <c r="I21" s="13">
        <v>2106</v>
      </c>
      <c r="J21" s="19">
        <v>1038</v>
      </c>
      <c r="K21" s="19">
        <v>1068</v>
      </c>
    </row>
    <row r="22" spans="1:11" ht="15" customHeight="1">
      <c r="A22" s="17" t="s">
        <v>41</v>
      </c>
      <c r="B22" s="17"/>
      <c r="C22" s="13">
        <v>1378</v>
      </c>
      <c r="D22" s="19">
        <v>660</v>
      </c>
      <c r="E22" s="19">
        <v>718</v>
      </c>
      <c r="F22" s="19"/>
      <c r="G22" s="18" t="s">
        <v>42</v>
      </c>
      <c r="H22" s="17"/>
      <c r="I22" s="13">
        <v>2148</v>
      </c>
      <c r="J22" s="19">
        <v>1049</v>
      </c>
      <c r="K22" s="19">
        <v>1099</v>
      </c>
    </row>
    <row r="23" spans="1:11" ht="20.100000000000001" customHeight="1">
      <c r="A23" s="17" t="s">
        <v>43</v>
      </c>
      <c r="B23" s="17"/>
      <c r="C23" s="13">
        <v>7539</v>
      </c>
      <c r="D23" s="14">
        <v>3831</v>
      </c>
      <c r="E23" s="14">
        <v>3708</v>
      </c>
      <c r="F23" s="14"/>
      <c r="G23" s="18" t="s">
        <v>44</v>
      </c>
      <c r="H23" s="17"/>
      <c r="I23" s="13">
        <v>13540</v>
      </c>
      <c r="J23" s="14">
        <v>6550</v>
      </c>
      <c r="K23" s="14">
        <v>6990</v>
      </c>
    </row>
    <row r="24" spans="1:11" ht="15" customHeight="1">
      <c r="A24" s="17" t="s">
        <v>45</v>
      </c>
      <c r="B24" s="17"/>
      <c r="C24" s="13">
        <v>1402</v>
      </c>
      <c r="D24" s="19">
        <v>680</v>
      </c>
      <c r="E24" s="19">
        <v>722</v>
      </c>
      <c r="F24" s="19"/>
      <c r="G24" s="18" t="s">
        <v>46</v>
      </c>
      <c r="H24" s="17"/>
      <c r="I24" s="13">
        <v>2211</v>
      </c>
      <c r="J24" s="19">
        <v>1054</v>
      </c>
      <c r="K24" s="19">
        <v>1157</v>
      </c>
    </row>
    <row r="25" spans="1:11" ht="15" customHeight="1">
      <c r="A25" s="17" t="s">
        <v>47</v>
      </c>
      <c r="B25" s="17"/>
      <c r="C25" s="13">
        <v>1421</v>
      </c>
      <c r="D25" s="19">
        <v>720</v>
      </c>
      <c r="E25" s="19">
        <v>701</v>
      </c>
      <c r="F25" s="19"/>
      <c r="G25" s="18" t="s">
        <v>48</v>
      </c>
      <c r="H25" s="17"/>
      <c r="I25" s="13">
        <v>2405</v>
      </c>
      <c r="J25" s="19">
        <v>1170</v>
      </c>
      <c r="K25" s="19">
        <v>1235</v>
      </c>
    </row>
    <row r="26" spans="1:11" ht="15" customHeight="1">
      <c r="A26" s="17" t="s">
        <v>49</v>
      </c>
      <c r="B26" s="17"/>
      <c r="C26" s="13">
        <v>1519</v>
      </c>
      <c r="D26" s="19">
        <v>772</v>
      </c>
      <c r="E26" s="19">
        <v>747</v>
      </c>
      <c r="F26" s="19"/>
      <c r="G26" s="18" t="s">
        <v>50</v>
      </c>
      <c r="H26" s="17"/>
      <c r="I26" s="13">
        <v>2693</v>
      </c>
      <c r="J26" s="19">
        <v>1309</v>
      </c>
      <c r="K26" s="19">
        <v>1384</v>
      </c>
    </row>
    <row r="27" spans="1:11" ht="15" customHeight="1">
      <c r="A27" s="17" t="s">
        <v>51</v>
      </c>
      <c r="B27" s="17"/>
      <c r="C27" s="13">
        <v>1530</v>
      </c>
      <c r="D27" s="19">
        <v>789</v>
      </c>
      <c r="E27" s="19">
        <v>741</v>
      </c>
      <c r="F27" s="19"/>
      <c r="G27" s="18" t="s">
        <v>52</v>
      </c>
      <c r="H27" s="17"/>
      <c r="I27" s="13">
        <v>2873</v>
      </c>
      <c r="J27" s="19">
        <v>1410</v>
      </c>
      <c r="K27" s="19">
        <v>1463</v>
      </c>
    </row>
    <row r="28" spans="1:11" ht="15" customHeight="1">
      <c r="A28" s="17" t="s">
        <v>53</v>
      </c>
      <c r="B28" s="17"/>
      <c r="C28" s="13">
        <v>1667</v>
      </c>
      <c r="D28" s="19">
        <v>870</v>
      </c>
      <c r="E28" s="19">
        <v>797</v>
      </c>
      <c r="F28" s="19"/>
      <c r="G28" s="18" t="s">
        <v>54</v>
      </c>
      <c r="H28" s="17"/>
      <c r="I28" s="13">
        <v>3358</v>
      </c>
      <c r="J28" s="19">
        <v>1607</v>
      </c>
      <c r="K28" s="19">
        <v>1751</v>
      </c>
    </row>
    <row r="29" spans="1:11" ht="20.100000000000001" customHeight="1">
      <c r="A29" s="17" t="s">
        <v>55</v>
      </c>
      <c r="B29" s="17"/>
      <c r="C29" s="13">
        <v>10995</v>
      </c>
      <c r="D29" s="14">
        <v>6532</v>
      </c>
      <c r="E29" s="14">
        <v>4463</v>
      </c>
      <c r="F29" s="14"/>
      <c r="G29" s="18" t="s">
        <v>56</v>
      </c>
      <c r="H29" s="17"/>
      <c r="I29" s="13">
        <v>12478</v>
      </c>
      <c r="J29" s="14">
        <v>6136</v>
      </c>
      <c r="K29" s="14">
        <v>6342</v>
      </c>
    </row>
    <row r="30" spans="1:11" ht="15" customHeight="1">
      <c r="A30" s="17" t="s">
        <v>57</v>
      </c>
      <c r="B30" s="17"/>
      <c r="C30" s="13">
        <v>1796</v>
      </c>
      <c r="D30" s="19">
        <v>989</v>
      </c>
      <c r="E30" s="19">
        <v>807</v>
      </c>
      <c r="F30" s="19"/>
      <c r="G30" s="18" t="s">
        <v>58</v>
      </c>
      <c r="H30" s="17"/>
      <c r="I30" s="13">
        <v>3273</v>
      </c>
      <c r="J30" s="19">
        <v>1617</v>
      </c>
      <c r="K30" s="19">
        <v>1656</v>
      </c>
    </row>
    <row r="31" spans="1:11" ht="15" customHeight="1">
      <c r="A31" s="17" t="s">
        <v>59</v>
      </c>
      <c r="B31" s="17"/>
      <c r="C31" s="13">
        <v>2052</v>
      </c>
      <c r="D31" s="19">
        <v>1182</v>
      </c>
      <c r="E31" s="19">
        <v>870</v>
      </c>
      <c r="F31" s="19"/>
      <c r="G31" s="18" t="s">
        <v>60</v>
      </c>
      <c r="H31" s="17"/>
      <c r="I31" s="13">
        <v>2947</v>
      </c>
      <c r="J31" s="19">
        <v>1442</v>
      </c>
      <c r="K31" s="19">
        <v>1505</v>
      </c>
    </row>
    <row r="32" spans="1:11" ht="15" customHeight="1">
      <c r="A32" s="17" t="s">
        <v>61</v>
      </c>
      <c r="B32" s="17"/>
      <c r="C32" s="13">
        <v>2554</v>
      </c>
      <c r="D32" s="19">
        <v>1570</v>
      </c>
      <c r="E32" s="19">
        <v>984</v>
      </c>
      <c r="F32" s="19"/>
      <c r="G32" s="18" t="s">
        <v>62</v>
      </c>
      <c r="H32" s="17"/>
      <c r="I32" s="13">
        <v>2121</v>
      </c>
      <c r="J32" s="19">
        <v>1011</v>
      </c>
      <c r="K32" s="19">
        <v>1110</v>
      </c>
    </row>
    <row r="33" spans="1:11" ht="15" customHeight="1">
      <c r="A33" s="17" t="s">
        <v>63</v>
      </c>
      <c r="B33" s="17"/>
      <c r="C33" s="13">
        <v>2284</v>
      </c>
      <c r="D33" s="19">
        <v>1362</v>
      </c>
      <c r="E33" s="19">
        <v>922</v>
      </c>
      <c r="F33" s="19"/>
      <c r="G33" s="18" t="s">
        <v>64</v>
      </c>
      <c r="H33" s="17"/>
      <c r="I33" s="13">
        <v>1852</v>
      </c>
      <c r="J33" s="19">
        <v>932</v>
      </c>
      <c r="K33" s="19">
        <v>920</v>
      </c>
    </row>
    <row r="34" spans="1:11" ht="15" customHeight="1">
      <c r="A34" s="17" t="s">
        <v>65</v>
      </c>
      <c r="B34" s="17"/>
      <c r="C34" s="13">
        <v>2309</v>
      </c>
      <c r="D34" s="19">
        <v>1429</v>
      </c>
      <c r="E34" s="19">
        <v>880</v>
      </c>
      <c r="F34" s="19"/>
      <c r="G34" s="18" t="s">
        <v>66</v>
      </c>
      <c r="H34" s="17"/>
      <c r="I34" s="13">
        <v>2285</v>
      </c>
      <c r="J34" s="19">
        <v>1134</v>
      </c>
      <c r="K34" s="19">
        <v>1151</v>
      </c>
    </row>
    <row r="35" spans="1:11" ht="20.100000000000001" customHeight="1">
      <c r="A35" s="17" t="s">
        <v>67</v>
      </c>
      <c r="B35" s="17"/>
      <c r="C35" s="13">
        <v>7629</v>
      </c>
      <c r="D35" s="14">
        <v>4243</v>
      </c>
      <c r="E35" s="14">
        <v>3386</v>
      </c>
      <c r="F35" s="14"/>
      <c r="G35" s="18" t="s">
        <v>68</v>
      </c>
      <c r="H35" s="17"/>
      <c r="I35" s="13">
        <v>9910</v>
      </c>
      <c r="J35" s="14">
        <v>4808</v>
      </c>
      <c r="K35" s="14">
        <v>5102</v>
      </c>
    </row>
    <row r="36" spans="1:11" ht="15" customHeight="1">
      <c r="A36" s="17" t="s">
        <v>69</v>
      </c>
      <c r="B36" s="17"/>
      <c r="C36" s="13">
        <v>1944</v>
      </c>
      <c r="D36" s="19">
        <v>1142</v>
      </c>
      <c r="E36" s="19">
        <v>802</v>
      </c>
      <c r="F36" s="19"/>
      <c r="G36" s="18" t="s">
        <v>70</v>
      </c>
      <c r="H36" s="17"/>
      <c r="I36" s="13">
        <v>2340</v>
      </c>
      <c r="J36" s="19">
        <v>1146</v>
      </c>
      <c r="K36" s="19">
        <v>1194</v>
      </c>
    </row>
    <row r="37" spans="1:11" ht="15" customHeight="1">
      <c r="A37" s="17" t="s">
        <v>71</v>
      </c>
      <c r="B37" s="17"/>
      <c r="C37" s="13">
        <v>1481</v>
      </c>
      <c r="D37" s="19">
        <v>805</v>
      </c>
      <c r="E37" s="19">
        <v>676</v>
      </c>
      <c r="F37" s="19"/>
      <c r="G37" s="18" t="s">
        <v>72</v>
      </c>
      <c r="H37" s="17"/>
      <c r="I37" s="13">
        <v>2173</v>
      </c>
      <c r="J37" s="19">
        <v>1057</v>
      </c>
      <c r="K37" s="19">
        <v>1116</v>
      </c>
    </row>
    <row r="38" spans="1:11" ht="15" customHeight="1">
      <c r="A38" s="17" t="s">
        <v>73</v>
      </c>
      <c r="B38" s="17"/>
      <c r="C38" s="13">
        <v>1439</v>
      </c>
      <c r="D38" s="19">
        <v>765</v>
      </c>
      <c r="E38" s="19">
        <v>674</v>
      </c>
      <c r="F38" s="19"/>
      <c r="G38" s="18" t="s">
        <v>74</v>
      </c>
      <c r="H38" s="17"/>
      <c r="I38" s="13">
        <v>2087</v>
      </c>
      <c r="J38" s="19">
        <v>987</v>
      </c>
      <c r="K38" s="19">
        <v>1100</v>
      </c>
    </row>
    <row r="39" spans="1:11" ht="15" customHeight="1">
      <c r="A39" s="17" t="s">
        <v>75</v>
      </c>
      <c r="B39" s="17"/>
      <c r="C39" s="13">
        <v>1378</v>
      </c>
      <c r="D39" s="19">
        <v>759</v>
      </c>
      <c r="E39" s="19">
        <v>619</v>
      </c>
      <c r="F39" s="19"/>
      <c r="G39" s="18" t="s">
        <v>76</v>
      </c>
      <c r="H39" s="17"/>
      <c r="I39" s="13">
        <v>1790</v>
      </c>
      <c r="J39" s="19">
        <v>878</v>
      </c>
      <c r="K39" s="19">
        <v>912</v>
      </c>
    </row>
    <row r="40" spans="1:11" ht="15" customHeight="1">
      <c r="A40" s="17" t="s">
        <v>77</v>
      </c>
      <c r="B40" s="17"/>
      <c r="C40" s="13">
        <v>1387</v>
      </c>
      <c r="D40" s="19">
        <v>772</v>
      </c>
      <c r="E40" s="19">
        <v>615</v>
      </c>
      <c r="F40" s="19"/>
      <c r="G40" s="18" t="s">
        <v>78</v>
      </c>
      <c r="H40" s="17"/>
      <c r="I40" s="13">
        <v>1520</v>
      </c>
      <c r="J40" s="19">
        <v>740</v>
      </c>
      <c r="K40" s="19">
        <v>780</v>
      </c>
    </row>
    <row r="41" spans="1:11" ht="20.100000000000001" customHeight="1">
      <c r="A41" s="17" t="s">
        <v>79</v>
      </c>
      <c r="B41" s="17"/>
      <c r="C41" s="13">
        <v>7621</v>
      </c>
      <c r="D41" s="14">
        <v>4064</v>
      </c>
      <c r="E41" s="14">
        <v>3557</v>
      </c>
      <c r="F41" s="14"/>
      <c r="G41" s="18" t="s">
        <v>80</v>
      </c>
      <c r="H41" s="17"/>
      <c r="I41" s="13">
        <v>6056</v>
      </c>
      <c r="J41" s="14">
        <v>2716</v>
      </c>
      <c r="K41" s="14">
        <v>3340</v>
      </c>
    </row>
    <row r="42" spans="1:11" ht="15" customHeight="1">
      <c r="A42" s="17" t="s">
        <v>81</v>
      </c>
      <c r="B42" s="17"/>
      <c r="C42" s="13">
        <v>1440</v>
      </c>
      <c r="D42" s="19">
        <v>734</v>
      </c>
      <c r="E42" s="19">
        <v>706</v>
      </c>
      <c r="F42" s="19"/>
      <c r="G42" s="18" t="s">
        <v>82</v>
      </c>
      <c r="H42" s="17"/>
      <c r="I42" s="13">
        <v>1359</v>
      </c>
      <c r="J42" s="19">
        <v>656</v>
      </c>
      <c r="K42" s="19">
        <v>703</v>
      </c>
    </row>
    <row r="43" spans="1:11" ht="15" customHeight="1">
      <c r="A43" s="17" t="s">
        <v>83</v>
      </c>
      <c r="B43" s="17"/>
      <c r="C43" s="13">
        <v>1495</v>
      </c>
      <c r="D43" s="19">
        <v>829</v>
      </c>
      <c r="E43" s="19">
        <v>666</v>
      </c>
      <c r="F43" s="19"/>
      <c r="G43" s="18" t="s">
        <v>84</v>
      </c>
      <c r="H43" s="17"/>
      <c r="I43" s="13">
        <v>1360</v>
      </c>
      <c r="J43" s="19">
        <v>598</v>
      </c>
      <c r="K43" s="19">
        <v>762</v>
      </c>
    </row>
    <row r="44" spans="1:11" ht="15" customHeight="1">
      <c r="A44" s="17" t="s">
        <v>85</v>
      </c>
      <c r="B44" s="17"/>
      <c r="C44" s="13">
        <v>1456</v>
      </c>
      <c r="D44" s="19">
        <v>804</v>
      </c>
      <c r="E44" s="19">
        <v>652</v>
      </c>
      <c r="F44" s="19"/>
      <c r="G44" s="18" t="s">
        <v>86</v>
      </c>
      <c r="H44" s="17"/>
      <c r="I44" s="13">
        <v>1200</v>
      </c>
      <c r="J44" s="19">
        <v>541</v>
      </c>
      <c r="K44" s="19">
        <v>659</v>
      </c>
    </row>
    <row r="45" spans="1:11" ht="15" customHeight="1">
      <c r="A45" s="17" t="s">
        <v>87</v>
      </c>
      <c r="B45" s="17"/>
      <c r="C45" s="13">
        <v>1561</v>
      </c>
      <c r="D45" s="19">
        <v>823</v>
      </c>
      <c r="E45" s="19">
        <v>738</v>
      </c>
      <c r="F45" s="19"/>
      <c r="G45" s="18" t="s">
        <v>88</v>
      </c>
      <c r="H45" s="17"/>
      <c r="I45" s="13">
        <v>1130</v>
      </c>
      <c r="J45" s="19">
        <v>492</v>
      </c>
      <c r="K45" s="19">
        <v>638</v>
      </c>
    </row>
    <row r="46" spans="1:11" ht="15" customHeight="1">
      <c r="A46" s="17" t="s">
        <v>89</v>
      </c>
      <c r="B46" s="17"/>
      <c r="C46" s="13">
        <v>1669</v>
      </c>
      <c r="D46" s="19">
        <v>874</v>
      </c>
      <c r="E46" s="19">
        <v>795</v>
      </c>
      <c r="F46" s="19"/>
      <c r="G46" s="18" t="s">
        <v>90</v>
      </c>
      <c r="H46" s="17"/>
      <c r="I46" s="13">
        <v>1007</v>
      </c>
      <c r="J46" s="19">
        <v>429</v>
      </c>
      <c r="K46" s="19">
        <v>578</v>
      </c>
    </row>
    <row r="47" spans="1:11" ht="20.100000000000001" customHeight="1">
      <c r="A47" s="17" t="s">
        <v>91</v>
      </c>
      <c r="B47" s="17"/>
      <c r="C47" s="13">
        <v>9430</v>
      </c>
      <c r="D47" s="14">
        <v>5036</v>
      </c>
      <c r="E47" s="14">
        <v>4394</v>
      </c>
      <c r="F47" s="14"/>
      <c r="G47" s="18" t="s">
        <v>92</v>
      </c>
      <c r="H47" s="17"/>
      <c r="I47" s="13">
        <v>3598</v>
      </c>
      <c r="J47" s="14">
        <v>1320</v>
      </c>
      <c r="K47" s="14">
        <v>2278</v>
      </c>
    </row>
    <row r="48" spans="1:11" ht="15" customHeight="1">
      <c r="A48" s="17" t="s">
        <v>93</v>
      </c>
      <c r="B48" s="17"/>
      <c r="C48" s="13">
        <v>1781</v>
      </c>
      <c r="D48" s="19">
        <v>924</v>
      </c>
      <c r="E48" s="19">
        <v>857</v>
      </c>
      <c r="F48" s="19"/>
      <c r="G48" s="18" t="s">
        <v>94</v>
      </c>
      <c r="H48" s="17"/>
      <c r="I48" s="13">
        <v>890</v>
      </c>
      <c r="J48" s="19">
        <v>362</v>
      </c>
      <c r="K48" s="19">
        <v>528</v>
      </c>
    </row>
    <row r="49" spans="1:11" ht="15" customHeight="1">
      <c r="A49" s="17" t="s">
        <v>95</v>
      </c>
      <c r="B49" s="17"/>
      <c r="C49" s="13">
        <v>1786</v>
      </c>
      <c r="D49" s="19">
        <v>963</v>
      </c>
      <c r="E49" s="19">
        <v>823</v>
      </c>
      <c r="F49" s="19"/>
      <c r="G49" s="18" t="s">
        <v>96</v>
      </c>
      <c r="H49" s="17"/>
      <c r="I49" s="13">
        <v>831</v>
      </c>
      <c r="J49" s="19">
        <v>310</v>
      </c>
      <c r="K49" s="19">
        <v>521</v>
      </c>
    </row>
    <row r="50" spans="1:11" ht="15" customHeight="1">
      <c r="A50" s="17" t="s">
        <v>97</v>
      </c>
      <c r="B50" s="17"/>
      <c r="C50" s="13">
        <v>1955</v>
      </c>
      <c r="D50" s="19">
        <v>1041</v>
      </c>
      <c r="E50" s="19">
        <v>914</v>
      </c>
      <c r="F50" s="19"/>
      <c r="G50" s="18" t="s">
        <v>98</v>
      </c>
      <c r="H50" s="17"/>
      <c r="I50" s="13">
        <v>741</v>
      </c>
      <c r="J50" s="19">
        <v>261</v>
      </c>
      <c r="K50" s="19">
        <v>480</v>
      </c>
    </row>
    <row r="51" spans="1:11" ht="15" customHeight="1">
      <c r="A51" s="17" t="s">
        <v>99</v>
      </c>
      <c r="B51" s="17"/>
      <c r="C51" s="13">
        <v>1845</v>
      </c>
      <c r="D51" s="19">
        <v>1017</v>
      </c>
      <c r="E51" s="19">
        <v>828</v>
      </c>
      <c r="F51" s="19"/>
      <c r="G51" s="18" t="s">
        <v>100</v>
      </c>
      <c r="H51" s="17"/>
      <c r="I51" s="13">
        <v>628</v>
      </c>
      <c r="J51" s="19">
        <v>221</v>
      </c>
      <c r="K51" s="19">
        <v>407</v>
      </c>
    </row>
    <row r="52" spans="1:11" ht="15" customHeight="1">
      <c r="A52" s="17" t="s">
        <v>101</v>
      </c>
      <c r="B52" s="17"/>
      <c r="C52" s="13">
        <v>2063</v>
      </c>
      <c r="D52" s="19">
        <v>1091</v>
      </c>
      <c r="E52" s="19">
        <v>972</v>
      </c>
      <c r="F52" s="19"/>
      <c r="G52" s="18" t="s">
        <v>102</v>
      </c>
      <c r="H52" s="17"/>
      <c r="I52" s="13">
        <v>508</v>
      </c>
      <c r="J52" s="19">
        <v>166</v>
      </c>
      <c r="K52" s="19">
        <v>342</v>
      </c>
    </row>
    <row r="53" spans="1:11" ht="20.100000000000001" customHeight="1">
      <c r="A53" s="17" t="s">
        <v>103</v>
      </c>
      <c r="B53" s="17"/>
      <c r="C53" s="13">
        <v>11380</v>
      </c>
      <c r="D53" s="14">
        <v>5954</v>
      </c>
      <c r="E53" s="14">
        <v>5426</v>
      </c>
      <c r="F53" s="14"/>
      <c r="G53" s="18" t="s">
        <v>104</v>
      </c>
      <c r="H53" s="17"/>
      <c r="I53" s="13">
        <v>1736</v>
      </c>
      <c r="J53" s="14">
        <v>424</v>
      </c>
      <c r="K53" s="14">
        <v>1312</v>
      </c>
    </row>
    <row r="54" spans="1:11" ht="15" customHeight="1">
      <c r="A54" s="17" t="s">
        <v>105</v>
      </c>
      <c r="B54" s="17"/>
      <c r="C54" s="13">
        <v>2128</v>
      </c>
      <c r="D54" s="19">
        <v>1101</v>
      </c>
      <c r="E54" s="19">
        <v>1027</v>
      </c>
      <c r="F54" s="19"/>
      <c r="G54" s="18" t="s">
        <v>106</v>
      </c>
      <c r="H54" s="17"/>
      <c r="I54" s="13">
        <v>481</v>
      </c>
      <c r="J54" s="19">
        <v>129</v>
      </c>
      <c r="K54" s="19">
        <v>352</v>
      </c>
    </row>
    <row r="55" spans="1:11" ht="15" customHeight="1">
      <c r="A55" s="17" t="s">
        <v>107</v>
      </c>
      <c r="B55" s="17"/>
      <c r="C55" s="13">
        <v>2206</v>
      </c>
      <c r="D55" s="19">
        <v>1195</v>
      </c>
      <c r="E55" s="19">
        <v>1011</v>
      </c>
      <c r="F55" s="19"/>
      <c r="G55" s="18" t="s">
        <v>108</v>
      </c>
      <c r="H55" s="17"/>
      <c r="I55" s="13">
        <v>381</v>
      </c>
      <c r="J55" s="19">
        <v>105</v>
      </c>
      <c r="K55" s="19">
        <v>276</v>
      </c>
    </row>
    <row r="56" spans="1:11" ht="15" customHeight="1">
      <c r="A56" s="17" t="s">
        <v>109</v>
      </c>
      <c r="B56" s="17"/>
      <c r="C56" s="13">
        <v>2225</v>
      </c>
      <c r="D56" s="19">
        <v>1165</v>
      </c>
      <c r="E56" s="19">
        <v>1060</v>
      </c>
      <c r="F56" s="19"/>
      <c r="G56" s="18" t="s">
        <v>110</v>
      </c>
      <c r="H56" s="17"/>
      <c r="I56" s="13">
        <v>350</v>
      </c>
      <c r="J56" s="19">
        <v>88</v>
      </c>
      <c r="K56" s="19">
        <v>262</v>
      </c>
    </row>
    <row r="57" spans="1:11" ht="15" customHeight="1">
      <c r="A57" s="17" t="s">
        <v>111</v>
      </c>
      <c r="B57" s="17"/>
      <c r="C57" s="13">
        <v>2280</v>
      </c>
      <c r="D57" s="19">
        <v>1183</v>
      </c>
      <c r="E57" s="19">
        <v>1097</v>
      </c>
      <c r="F57" s="19"/>
      <c r="G57" s="18" t="s">
        <v>112</v>
      </c>
      <c r="H57" s="17"/>
      <c r="I57" s="13">
        <v>308</v>
      </c>
      <c r="J57" s="19">
        <v>65</v>
      </c>
      <c r="K57" s="19">
        <v>243</v>
      </c>
    </row>
    <row r="58" spans="1:11" ht="15" customHeight="1">
      <c r="A58" s="17" t="s">
        <v>113</v>
      </c>
      <c r="B58" s="17"/>
      <c r="C58" s="13">
        <v>2541</v>
      </c>
      <c r="D58" s="19">
        <v>1310</v>
      </c>
      <c r="E58" s="19">
        <v>1231</v>
      </c>
      <c r="F58" s="19"/>
      <c r="G58" s="18" t="s">
        <v>114</v>
      </c>
      <c r="H58" s="17"/>
      <c r="I58" s="13">
        <v>216</v>
      </c>
      <c r="J58" s="19">
        <v>37</v>
      </c>
      <c r="K58" s="19">
        <v>179</v>
      </c>
    </row>
    <row r="59" spans="1:11" ht="20.100000000000001" customHeight="1">
      <c r="A59" s="17" t="s">
        <v>115</v>
      </c>
      <c r="B59" s="17"/>
      <c r="C59" s="13">
        <v>12606</v>
      </c>
      <c r="D59" s="14">
        <v>6655</v>
      </c>
      <c r="E59" s="14">
        <v>5951</v>
      </c>
      <c r="F59" s="14"/>
      <c r="G59" s="18" t="s">
        <v>116</v>
      </c>
      <c r="H59" s="17"/>
      <c r="I59" s="13">
        <v>488</v>
      </c>
      <c r="J59" s="14">
        <v>106</v>
      </c>
      <c r="K59" s="14">
        <v>382</v>
      </c>
    </row>
    <row r="60" spans="1:11" ht="15" customHeight="1">
      <c r="A60" s="17" t="s">
        <v>117</v>
      </c>
      <c r="B60" s="17"/>
      <c r="C60" s="13">
        <v>2658</v>
      </c>
      <c r="D60" s="19">
        <v>1362</v>
      </c>
      <c r="E60" s="19">
        <v>1296</v>
      </c>
      <c r="F60" s="19"/>
      <c r="G60" s="18" t="s">
        <v>118</v>
      </c>
      <c r="H60" s="17"/>
      <c r="I60" s="13">
        <v>182</v>
      </c>
      <c r="J60" s="19">
        <v>51</v>
      </c>
      <c r="K60" s="19">
        <v>131</v>
      </c>
    </row>
    <row r="61" spans="1:11" ht="15" customHeight="1">
      <c r="A61" s="17" t="s">
        <v>119</v>
      </c>
      <c r="B61" s="17"/>
      <c r="C61" s="13">
        <v>2583</v>
      </c>
      <c r="D61" s="19">
        <v>1374</v>
      </c>
      <c r="E61" s="19">
        <v>1209</v>
      </c>
      <c r="F61" s="19"/>
      <c r="G61" s="18" t="s">
        <v>120</v>
      </c>
      <c r="H61" s="17"/>
      <c r="I61" s="13">
        <v>126</v>
      </c>
      <c r="J61" s="19">
        <v>19</v>
      </c>
      <c r="K61" s="19">
        <v>107</v>
      </c>
    </row>
    <row r="62" spans="1:11" ht="15" customHeight="1">
      <c r="A62" s="17" t="s">
        <v>121</v>
      </c>
      <c r="B62" s="17"/>
      <c r="C62" s="13">
        <v>2547</v>
      </c>
      <c r="D62" s="19">
        <v>1335</v>
      </c>
      <c r="E62" s="19">
        <v>1212</v>
      </c>
      <c r="F62" s="19"/>
      <c r="G62" s="18" t="s">
        <v>122</v>
      </c>
      <c r="H62" s="17"/>
      <c r="I62" s="13">
        <v>85</v>
      </c>
      <c r="J62" s="19">
        <v>16</v>
      </c>
      <c r="K62" s="19">
        <v>69</v>
      </c>
    </row>
    <row r="63" spans="1:11" ht="15" customHeight="1">
      <c r="A63" s="17" t="s">
        <v>123</v>
      </c>
      <c r="B63" s="17"/>
      <c r="C63" s="13">
        <v>2464</v>
      </c>
      <c r="D63" s="19">
        <v>1296</v>
      </c>
      <c r="E63" s="19">
        <v>1168</v>
      </c>
      <c r="F63" s="19"/>
      <c r="G63" s="18" t="s">
        <v>124</v>
      </c>
      <c r="H63" s="17"/>
      <c r="I63" s="13">
        <v>51</v>
      </c>
      <c r="J63" s="19">
        <v>9</v>
      </c>
      <c r="K63" s="19">
        <v>42</v>
      </c>
    </row>
    <row r="64" spans="1:11" ht="15" customHeight="1">
      <c r="A64" s="17" t="s">
        <v>125</v>
      </c>
      <c r="B64" s="17"/>
      <c r="C64" s="13">
        <v>2354</v>
      </c>
      <c r="D64" s="19">
        <v>1288</v>
      </c>
      <c r="E64" s="19">
        <v>1066</v>
      </c>
      <c r="F64" s="19"/>
      <c r="G64" s="18" t="s">
        <v>126</v>
      </c>
      <c r="H64" s="17"/>
      <c r="I64" s="13">
        <v>44</v>
      </c>
      <c r="J64" s="19">
        <v>11</v>
      </c>
      <c r="K64" s="19">
        <v>33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80</v>
      </c>
      <c r="J65" s="19">
        <v>17</v>
      </c>
      <c r="K65" s="19">
        <v>6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21</v>
      </c>
      <c r="J66" s="29">
        <v>1187</v>
      </c>
      <c r="K66" s="29">
        <v>23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1" pageOrder="overThenDown" orientation="portrait" blackAndWhite="1" useFirstPageNumber="1" horizontalDpi="300" verticalDpi="300"/>
  <headerFooter scaleWithDoc="0"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75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2404</v>
      </c>
      <c r="D4" s="14">
        <v>51932</v>
      </c>
      <c r="E4" s="14">
        <v>5047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812</v>
      </c>
      <c r="D5" s="14">
        <v>1962</v>
      </c>
      <c r="E5" s="14">
        <v>1850</v>
      </c>
      <c r="F5" s="14"/>
      <c r="G5" s="18" t="s">
        <v>8</v>
      </c>
      <c r="H5" s="17"/>
      <c r="I5" s="13">
        <v>7169</v>
      </c>
      <c r="J5" s="14">
        <v>3806</v>
      </c>
      <c r="K5" s="14">
        <v>3363</v>
      </c>
    </row>
    <row r="6" spans="1:11" ht="15" customHeight="1">
      <c r="A6" s="17" t="s">
        <v>9</v>
      </c>
      <c r="B6" s="17"/>
      <c r="C6" s="13">
        <v>731</v>
      </c>
      <c r="D6" s="19">
        <v>373</v>
      </c>
      <c r="E6" s="19">
        <v>358</v>
      </c>
      <c r="F6" s="19"/>
      <c r="G6" s="18" t="s">
        <v>10</v>
      </c>
      <c r="H6" s="17"/>
      <c r="I6" s="13">
        <v>1578</v>
      </c>
      <c r="J6" s="19">
        <v>861</v>
      </c>
      <c r="K6" s="19">
        <v>717</v>
      </c>
    </row>
    <row r="7" spans="1:11" ht="15" customHeight="1">
      <c r="A7" s="17" t="s">
        <v>11</v>
      </c>
      <c r="B7" s="17"/>
      <c r="C7" s="13">
        <v>756</v>
      </c>
      <c r="D7" s="19">
        <v>365</v>
      </c>
      <c r="E7" s="19">
        <v>391</v>
      </c>
      <c r="F7" s="19"/>
      <c r="G7" s="18" t="s">
        <v>12</v>
      </c>
      <c r="H7" s="17"/>
      <c r="I7" s="13">
        <v>1658</v>
      </c>
      <c r="J7" s="19">
        <v>868</v>
      </c>
      <c r="K7" s="19">
        <v>790</v>
      </c>
    </row>
    <row r="8" spans="1:11" ht="15" customHeight="1">
      <c r="A8" s="17" t="s">
        <v>13</v>
      </c>
      <c r="B8" s="17"/>
      <c r="C8" s="13">
        <v>769</v>
      </c>
      <c r="D8" s="19">
        <v>405</v>
      </c>
      <c r="E8" s="19">
        <v>364</v>
      </c>
      <c r="F8" s="19"/>
      <c r="G8" s="18" t="s">
        <v>14</v>
      </c>
      <c r="H8" s="17"/>
      <c r="I8" s="13">
        <v>1129</v>
      </c>
      <c r="J8" s="19">
        <v>605</v>
      </c>
      <c r="K8" s="19">
        <v>524</v>
      </c>
    </row>
    <row r="9" spans="1:11" ht="15" customHeight="1">
      <c r="A9" s="17" t="s">
        <v>15</v>
      </c>
      <c r="B9" s="17"/>
      <c r="C9" s="13">
        <v>775</v>
      </c>
      <c r="D9" s="19">
        <v>402</v>
      </c>
      <c r="E9" s="19">
        <v>373</v>
      </c>
      <c r="F9" s="19"/>
      <c r="G9" s="18" t="s">
        <v>16</v>
      </c>
      <c r="H9" s="17"/>
      <c r="I9" s="13">
        <v>1446</v>
      </c>
      <c r="J9" s="19">
        <v>770</v>
      </c>
      <c r="K9" s="19">
        <v>676</v>
      </c>
    </row>
    <row r="10" spans="1:11" ht="15" customHeight="1">
      <c r="A10" s="17" t="s">
        <v>17</v>
      </c>
      <c r="B10" s="17"/>
      <c r="C10" s="13">
        <v>781</v>
      </c>
      <c r="D10" s="19">
        <v>417</v>
      </c>
      <c r="E10" s="19">
        <v>364</v>
      </c>
      <c r="F10" s="19"/>
      <c r="G10" s="18" t="s">
        <v>18</v>
      </c>
      <c r="H10" s="17"/>
      <c r="I10" s="13">
        <v>1358</v>
      </c>
      <c r="J10" s="19">
        <v>702</v>
      </c>
      <c r="K10" s="19">
        <v>656</v>
      </c>
    </row>
    <row r="11" spans="1:11" ht="20.100000000000001" customHeight="1">
      <c r="A11" s="17" t="s">
        <v>19</v>
      </c>
      <c r="B11" s="17"/>
      <c r="C11" s="13">
        <v>4003</v>
      </c>
      <c r="D11" s="14">
        <v>2013</v>
      </c>
      <c r="E11" s="14">
        <v>1990</v>
      </c>
      <c r="F11" s="14"/>
      <c r="G11" s="18" t="s">
        <v>20</v>
      </c>
      <c r="H11" s="17"/>
      <c r="I11" s="13">
        <v>5968</v>
      </c>
      <c r="J11" s="14">
        <v>3132</v>
      </c>
      <c r="K11" s="14">
        <v>2836</v>
      </c>
    </row>
    <row r="12" spans="1:11" ht="15" customHeight="1">
      <c r="A12" s="17" t="s">
        <v>21</v>
      </c>
      <c r="B12" s="17"/>
      <c r="C12" s="13">
        <v>810</v>
      </c>
      <c r="D12" s="19">
        <v>414</v>
      </c>
      <c r="E12" s="19">
        <v>396</v>
      </c>
      <c r="F12" s="19"/>
      <c r="G12" s="18" t="s">
        <v>22</v>
      </c>
      <c r="H12" s="17"/>
      <c r="I12" s="13">
        <v>1279</v>
      </c>
      <c r="J12" s="19">
        <v>678</v>
      </c>
      <c r="K12" s="19">
        <v>601</v>
      </c>
    </row>
    <row r="13" spans="1:11" ht="15" customHeight="1">
      <c r="A13" s="17" t="s">
        <v>23</v>
      </c>
      <c r="B13" s="17"/>
      <c r="C13" s="13">
        <v>825</v>
      </c>
      <c r="D13" s="19">
        <v>411</v>
      </c>
      <c r="E13" s="19">
        <v>414</v>
      </c>
      <c r="F13" s="19"/>
      <c r="G13" s="18" t="s">
        <v>24</v>
      </c>
      <c r="H13" s="17"/>
      <c r="I13" s="13">
        <v>1225</v>
      </c>
      <c r="J13" s="19">
        <v>636</v>
      </c>
      <c r="K13" s="19">
        <v>589</v>
      </c>
    </row>
    <row r="14" spans="1:11" ht="15" customHeight="1">
      <c r="A14" s="17" t="s">
        <v>25</v>
      </c>
      <c r="B14" s="17"/>
      <c r="C14" s="13">
        <v>779</v>
      </c>
      <c r="D14" s="19">
        <v>384</v>
      </c>
      <c r="E14" s="19">
        <v>395</v>
      </c>
      <c r="F14" s="19"/>
      <c r="G14" s="18" t="s">
        <v>26</v>
      </c>
      <c r="H14" s="17"/>
      <c r="I14" s="13">
        <v>1251</v>
      </c>
      <c r="J14" s="19">
        <v>672</v>
      </c>
      <c r="K14" s="19">
        <v>579</v>
      </c>
    </row>
    <row r="15" spans="1:11" ht="15" customHeight="1">
      <c r="A15" s="17" t="s">
        <v>27</v>
      </c>
      <c r="B15" s="17"/>
      <c r="C15" s="13">
        <v>790</v>
      </c>
      <c r="D15" s="19">
        <v>401</v>
      </c>
      <c r="E15" s="19">
        <v>389</v>
      </c>
      <c r="F15" s="19"/>
      <c r="G15" s="18" t="s">
        <v>28</v>
      </c>
      <c r="H15" s="17"/>
      <c r="I15" s="13">
        <v>1100</v>
      </c>
      <c r="J15" s="19">
        <v>552</v>
      </c>
      <c r="K15" s="19">
        <v>548</v>
      </c>
    </row>
    <row r="16" spans="1:11" ht="15" customHeight="1">
      <c r="A16" s="17" t="s">
        <v>29</v>
      </c>
      <c r="B16" s="17"/>
      <c r="C16" s="13">
        <v>799</v>
      </c>
      <c r="D16" s="19">
        <v>403</v>
      </c>
      <c r="E16" s="19">
        <v>396</v>
      </c>
      <c r="F16" s="19"/>
      <c r="G16" s="18" t="s">
        <v>30</v>
      </c>
      <c r="H16" s="17"/>
      <c r="I16" s="13">
        <v>1113</v>
      </c>
      <c r="J16" s="19">
        <v>594</v>
      </c>
      <c r="K16" s="19">
        <v>519</v>
      </c>
    </row>
    <row r="17" spans="1:11" ht="20.100000000000001" customHeight="1">
      <c r="A17" s="20" t="s">
        <v>31</v>
      </c>
      <c r="B17" s="20"/>
      <c r="C17" s="13">
        <v>4277</v>
      </c>
      <c r="D17" s="14">
        <v>2174</v>
      </c>
      <c r="E17" s="14">
        <v>2103</v>
      </c>
      <c r="F17" s="14"/>
      <c r="G17" s="18" t="s">
        <v>32</v>
      </c>
      <c r="H17" s="17"/>
      <c r="I17" s="13">
        <v>5512</v>
      </c>
      <c r="J17" s="14">
        <v>2831</v>
      </c>
      <c r="K17" s="14">
        <v>2681</v>
      </c>
    </row>
    <row r="18" spans="1:11" ht="15" customHeight="1">
      <c r="A18" s="17" t="s">
        <v>33</v>
      </c>
      <c r="B18" s="17"/>
      <c r="C18" s="13">
        <v>843</v>
      </c>
      <c r="D18" s="19">
        <v>404</v>
      </c>
      <c r="E18" s="19">
        <v>439</v>
      </c>
      <c r="F18" s="19"/>
      <c r="G18" s="18" t="s">
        <v>34</v>
      </c>
      <c r="H18" s="17"/>
      <c r="I18" s="13">
        <v>1103</v>
      </c>
      <c r="J18" s="19">
        <v>549</v>
      </c>
      <c r="K18" s="19">
        <v>554</v>
      </c>
    </row>
    <row r="19" spans="1:11" ht="15" customHeight="1">
      <c r="A19" s="17" t="s">
        <v>35</v>
      </c>
      <c r="B19" s="17"/>
      <c r="C19" s="13">
        <v>824</v>
      </c>
      <c r="D19" s="19">
        <v>407</v>
      </c>
      <c r="E19" s="19">
        <v>417</v>
      </c>
      <c r="F19" s="19"/>
      <c r="G19" s="18" t="s">
        <v>36</v>
      </c>
      <c r="H19" s="17"/>
      <c r="I19" s="13">
        <v>1034</v>
      </c>
      <c r="J19" s="19">
        <v>531</v>
      </c>
      <c r="K19" s="19">
        <v>503</v>
      </c>
    </row>
    <row r="20" spans="1:11" ht="15" customHeight="1">
      <c r="A20" s="17" t="s">
        <v>37</v>
      </c>
      <c r="B20" s="17"/>
      <c r="C20" s="13">
        <v>874</v>
      </c>
      <c r="D20" s="19">
        <v>470</v>
      </c>
      <c r="E20" s="19">
        <v>404</v>
      </c>
      <c r="F20" s="19"/>
      <c r="G20" s="18" t="s">
        <v>38</v>
      </c>
      <c r="H20" s="17"/>
      <c r="I20" s="13">
        <v>1036</v>
      </c>
      <c r="J20" s="19">
        <v>547</v>
      </c>
      <c r="K20" s="19">
        <v>489</v>
      </c>
    </row>
    <row r="21" spans="1:11" ht="15" customHeight="1">
      <c r="A21" s="17" t="s">
        <v>39</v>
      </c>
      <c r="B21" s="17"/>
      <c r="C21" s="13">
        <v>833</v>
      </c>
      <c r="D21" s="19">
        <v>428</v>
      </c>
      <c r="E21" s="19">
        <v>405</v>
      </c>
      <c r="F21" s="19"/>
      <c r="G21" s="18" t="s">
        <v>40</v>
      </c>
      <c r="H21" s="17"/>
      <c r="I21" s="13">
        <v>1183</v>
      </c>
      <c r="J21" s="19">
        <v>627</v>
      </c>
      <c r="K21" s="19">
        <v>556</v>
      </c>
    </row>
    <row r="22" spans="1:11" ht="15" customHeight="1">
      <c r="A22" s="17" t="s">
        <v>41</v>
      </c>
      <c r="B22" s="17"/>
      <c r="C22" s="13">
        <v>903</v>
      </c>
      <c r="D22" s="19">
        <v>465</v>
      </c>
      <c r="E22" s="19">
        <v>438</v>
      </c>
      <c r="F22" s="19"/>
      <c r="G22" s="18" t="s">
        <v>42</v>
      </c>
      <c r="H22" s="17"/>
      <c r="I22" s="13">
        <v>1156</v>
      </c>
      <c r="J22" s="19">
        <v>577</v>
      </c>
      <c r="K22" s="19">
        <v>579</v>
      </c>
    </row>
    <row r="23" spans="1:11" ht="20.100000000000001" customHeight="1">
      <c r="A23" s="17" t="s">
        <v>43</v>
      </c>
      <c r="B23" s="17"/>
      <c r="C23" s="13">
        <v>4812</v>
      </c>
      <c r="D23" s="14">
        <v>2488</v>
      </c>
      <c r="E23" s="14">
        <v>2324</v>
      </c>
      <c r="F23" s="14"/>
      <c r="G23" s="18" t="s">
        <v>44</v>
      </c>
      <c r="H23" s="17"/>
      <c r="I23" s="13">
        <v>6922</v>
      </c>
      <c r="J23" s="14">
        <v>3372</v>
      </c>
      <c r="K23" s="14">
        <v>3550</v>
      </c>
    </row>
    <row r="24" spans="1:11" ht="15" customHeight="1">
      <c r="A24" s="17" t="s">
        <v>45</v>
      </c>
      <c r="B24" s="17"/>
      <c r="C24" s="13">
        <v>877</v>
      </c>
      <c r="D24" s="19">
        <v>457</v>
      </c>
      <c r="E24" s="19">
        <v>420</v>
      </c>
      <c r="F24" s="19"/>
      <c r="G24" s="18" t="s">
        <v>46</v>
      </c>
      <c r="H24" s="17"/>
      <c r="I24" s="13">
        <v>1151</v>
      </c>
      <c r="J24" s="19">
        <v>569</v>
      </c>
      <c r="K24" s="19">
        <v>582</v>
      </c>
    </row>
    <row r="25" spans="1:11" ht="15" customHeight="1">
      <c r="A25" s="17" t="s">
        <v>47</v>
      </c>
      <c r="B25" s="17"/>
      <c r="C25" s="13">
        <v>920</v>
      </c>
      <c r="D25" s="19">
        <v>466</v>
      </c>
      <c r="E25" s="19">
        <v>454</v>
      </c>
      <c r="F25" s="19"/>
      <c r="G25" s="18" t="s">
        <v>48</v>
      </c>
      <c r="H25" s="17"/>
      <c r="I25" s="13">
        <v>1251</v>
      </c>
      <c r="J25" s="19">
        <v>628</v>
      </c>
      <c r="K25" s="19">
        <v>623</v>
      </c>
    </row>
    <row r="26" spans="1:11" ht="15" customHeight="1">
      <c r="A26" s="17" t="s">
        <v>49</v>
      </c>
      <c r="B26" s="17"/>
      <c r="C26" s="13">
        <v>975</v>
      </c>
      <c r="D26" s="19">
        <v>497</v>
      </c>
      <c r="E26" s="19">
        <v>478</v>
      </c>
      <c r="F26" s="19"/>
      <c r="G26" s="18" t="s">
        <v>50</v>
      </c>
      <c r="H26" s="17"/>
      <c r="I26" s="13">
        <v>1364</v>
      </c>
      <c r="J26" s="19">
        <v>648</v>
      </c>
      <c r="K26" s="19">
        <v>716</v>
      </c>
    </row>
    <row r="27" spans="1:11" ht="15" customHeight="1">
      <c r="A27" s="17" t="s">
        <v>51</v>
      </c>
      <c r="B27" s="17"/>
      <c r="C27" s="13">
        <v>1005</v>
      </c>
      <c r="D27" s="19">
        <v>510</v>
      </c>
      <c r="E27" s="19">
        <v>495</v>
      </c>
      <c r="F27" s="19"/>
      <c r="G27" s="18" t="s">
        <v>52</v>
      </c>
      <c r="H27" s="17"/>
      <c r="I27" s="13">
        <v>1481</v>
      </c>
      <c r="J27" s="19">
        <v>722</v>
      </c>
      <c r="K27" s="19">
        <v>759</v>
      </c>
    </row>
    <row r="28" spans="1:11" ht="15" customHeight="1">
      <c r="A28" s="17" t="s">
        <v>53</v>
      </c>
      <c r="B28" s="17"/>
      <c r="C28" s="13">
        <v>1035</v>
      </c>
      <c r="D28" s="19">
        <v>558</v>
      </c>
      <c r="E28" s="19">
        <v>477</v>
      </c>
      <c r="F28" s="19"/>
      <c r="G28" s="18" t="s">
        <v>54</v>
      </c>
      <c r="H28" s="17"/>
      <c r="I28" s="13">
        <v>1675</v>
      </c>
      <c r="J28" s="19">
        <v>805</v>
      </c>
      <c r="K28" s="19">
        <v>870</v>
      </c>
    </row>
    <row r="29" spans="1:11" ht="20.100000000000001" customHeight="1">
      <c r="A29" s="17" t="s">
        <v>55</v>
      </c>
      <c r="B29" s="17"/>
      <c r="C29" s="13">
        <v>6175</v>
      </c>
      <c r="D29" s="14">
        <v>3357</v>
      </c>
      <c r="E29" s="14">
        <v>2818</v>
      </c>
      <c r="F29" s="14"/>
      <c r="G29" s="18" t="s">
        <v>56</v>
      </c>
      <c r="H29" s="17"/>
      <c r="I29" s="13">
        <v>6555</v>
      </c>
      <c r="J29" s="14">
        <v>3164</v>
      </c>
      <c r="K29" s="14">
        <v>3391</v>
      </c>
    </row>
    <row r="30" spans="1:11" ht="15" customHeight="1">
      <c r="A30" s="17" t="s">
        <v>57</v>
      </c>
      <c r="B30" s="17"/>
      <c r="C30" s="13">
        <v>1065</v>
      </c>
      <c r="D30" s="19">
        <v>560</v>
      </c>
      <c r="E30" s="19">
        <v>505</v>
      </c>
      <c r="F30" s="19"/>
      <c r="G30" s="18" t="s">
        <v>58</v>
      </c>
      <c r="H30" s="17"/>
      <c r="I30" s="13">
        <v>1586</v>
      </c>
      <c r="J30" s="19">
        <v>778</v>
      </c>
      <c r="K30" s="19">
        <v>808</v>
      </c>
    </row>
    <row r="31" spans="1:11" ht="15" customHeight="1">
      <c r="A31" s="17" t="s">
        <v>59</v>
      </c>
      <c r="B31" s="17"/>
      <c r="C31" s="13">
        <v>1153</v>
      </c>
      <c r="D31" s="19">
        <v>617</v>
      </c>
      <c r="E31" s="19">
        <v>536</v>
      </c>
      <c r="F31" s="19"/>
      <c r="G31" s="18" t="s">
        <v>60</v>
      </c>
      <c r="H31" s="17"/>
      <c r="I31" s="13">
        <v>1555</v>
      </c>
      <c r="J31" s="19">
        <v>741</v>
      </c>
      <c r="K31" s="19">
        <v>814</v>
      </c>
    </row>
    <row r="32" spans="1:11" ht="15" customHeight="1">
      <c r="A32" s="17" t="s">
        <v>61</v>
      </c>
      <c r="B32" s="17"/>
      <c r="C32" s="13">
        <v>1347</v>
      </c>
      <c r="D32" s="19">
        <v>751</v>
      </c>
      <c r="E32" s="19">
        <v>596</v>
      </c>
      <c r="F32" s="19"/>
      <c r="G32" s="18" t="s">
        <v>62</v>
      </c>
      <c r="H32" s="17"/>
      <c r="I32" s="13">
        <v>1176</v>
      </c>
      <c r="J32" s="19">
        <v>544</v>
      </c>
      <c r="K32" s="19">
        <v>632</v>
      </c>
    </row>
    <row r="33" spans="1:11" ht="15" customHeight="1">
      <c r="A33" s="17" t="s">
        <v>63</v>
      </c>
      <c r="B33" s="17"/>
      <c r="C33" s="13">
        <v>1288</v>
      </c>
      <c r="D33" s="19">
        <v>673</v>
      </c>
      <c r="E33" s="19">
        <v>615</v>
      </c>
      <c r="F33" s="19"/>
      <c r="G33" s="18" t="s">
        <v>64</v>
      </c>
      <c r="H33" s="17"/>
      <c r="I33" s="13">
        <v>1008</v>
      </c>
      <c r="J33" s="19">
        <v>500</v>
      </c>
      <c r="K33" s="19">
        <v>508</v>
      </c>
    </row>
    <row r="34" spans="1:11" ht="15" customHeight="1">
      <c r="A34" s="17" t="s">
        <v>65</v>
      </c>
      <c r="B34" s="17"/>
      <c r="C34" s="13">
        <v>1322</v>
      </c>
      <c r="D34" s="19">
        <v>756</v>
      </c>
      <c r="E34" s="19">
        <v>566</v>
      </c>
      <c r="F34" s="19"/>
      <c r="G34" s="18" t="s">
        <v>66</v>
      </c>
      <c r="H34" s="17"/>
      <c r="I34" s="13">
        <v>1230</v>
      </c>
      <c r="J34" s="19">
        <v>601</v>
      </c>
      <c r="K34" s="19">
        <v>629</v>
      </c>
    </row>
    <row r="35" spans="1:11" ht="20.100000000000001" customHeight="1">
      <c r="A35" s="17" t="s">
        <v>67</v>
      </c>
      <c r="B35" s="17"/>
      <c r="C35" s="13">
        <v>5821</v>
      </c>
      <c r="D35" s="14">
        <v>3209</v>
      </c>
      <c r="E35" s="14">
        <v>2612</v>
      </c>
      <c r="F35" s="14"/>
      <c r="G35" s="18" t="s">
        <v>68</v>
      </c>
      <c r="H35" s="17"/>
      <c r="I35" s="13">
        <v>5677</v>
      </c>
      <c r="J35" s="14">
        <v>2681</v>
      </c>
      <c r="K35" s="14">
        <v>2996</v>
      </c>
    </row>
    <row r="36" spans="1:11" ht="15" customHeight="1">
      <c r="A36" s="17" t="s">
        <v>69</v>
      </c>
      <c r="B36" s="17"/>
      <c r="C36" s="13">
        <v>1198</v>
      </c>
      <c r="D36" s="19">
        <v>690</v>
      </c>
      <c r="E36" s="19">
        <v>508</v>
      </c>
      <c r="F36" s="19"/>
      <c r="G36" s="18" t="s">
        <v>70</v>
      </c>
      <c r="H36" s="17"/>
      <c r="I36" s="13">
        <v>1302</v>
      </c>
      <c r="J36" s="19">
        <v>591</v>
      </c>
      <c r="K36" s="19">
        <v>711</v>
      </c>
    </row>
    <row r="37" spans="1:11" ht="15" customHeight="1">
      <c r="A37" s="17" t="s">
        <v>71</v>
      </c>
      <c r="B37" s="17"/>
      <c r="C37" s="13">
        <v>1182</v>
      </c>
      <c r="D37" s="19">
        <v>638</v>
      </c>
      <c r="E37" s="19">
        <v>544</v>
      </c>
      <c r="F37" s="19"/>
      <c r="G37" s="18" t="s">
        <v>72</v>
      </c>
      <c r="H37" s="17"/>
      <c r="I37" s="13">
        <v>1241</v>
      </c>
      <c r="J37" s="19">
        <v>569</v>
      </c>
      <c r="K37" s="19">
        <v>672</v>
      </c>
    </row>
    <row r="38" spans="1:11" ht="15" customHeight="1">
      <c r="A38" s="17" t="s">
        <v>73</v>
      </c>
      <c r="B38" s="17"/>
      <c r="C38" s="13">
        <v>1192</v>
      </c>
      <c r="D38" s="19">
        <v>692</v>
      </c>
      <c r="E38" s="19">
        <v>500</v>
      </c>
      <c r="F38" s="19"/>
      <c r="G38" s="18" t="s">
        <v>74</v>
      </c>
      <c r="H38" s="17"/>
      <c r="I38" s="13">
        <v>1191</v>
      </c>
      <c r="J38" s="19">
        <v>584</v>
      </c>
      <c r="K38" s="19">
        <v>607</v>
      </c>
    </row>
    <row r="39" spans="1:11" ht="15" customHeight="1">
      <c r="A39" s="17" t="s">
        <v>75</v>
      </c>
      <c r="B39" s="17"/>
      <c r="C39" s="13">
        <v>1083</v>
      </c>
      <c r="D39" s="19">
        <v>578</v>
      </c>
      <c r="E39" s="19">
        <v>505</v>
      </c>
      <c r="F39" s="19"/>
      <c r="G39" s="18" t="s">
        <v>76</v>
      </c>
      <c r="H39" s="17"/>
      <c r="I39" s="13">
        <v>1087</v>
      </c>
      <c r="J39" s="19">
        <v>515</v>
      </c>
      <c r="K39" s="19">
        <v>572</v>
      </c>
    </row>
    <row r="40" spans="1:11" ht="15" customHeight="1">
      <c r="A40" s="17" t="s">
        <v>77</v>
      </c>
      <c r="B40" s="17"/>
      <c r="C40" s="13">
        <v>1166</v>
      </c>
      <c r="D40" s="19">
        <v>611</v>
      </c>
      <c r="E40" s="19">
        <v>555</v>
      </c>
      <c r="F40" s="19"/>
      <c r="G40" s="18" t="s">
        <v>78</v>
      </c>
      <c r="H40" s="17"/>
      <c r="I40" s="13">
        <v>856</v>
      </c>
      <c r="J40" s="19">
        <v>422</v>
      </c>
      <c r="K40" s="19">
        <v>434</v>
      </c>
    </row>
    <row r="41" spans="1:11" ht="20.100000000000001" customHeight="1">
      <c r="A41" s="17" t="s">
        <v>79</v>
      </c>
      <c r="B41" s="17"/>
      <c r="C41" s="13">
        <v>5839</v>
      </c>
      <c r="D41" s="14">
        <v>3046</v>
      </c>
      <c r="E41" s="14">
        <v>2793</v>
      </c>
      <c r="F41" s="14"/>
      <c r="G41" s="18" t="s">
        <v>80</v>
      </c>
      <c r="H41" s="17"/>
      <c r="I41" s="13">
        <v>3718</v>
      </c>
      <c r="J41" s="14">
        <v>1652</v>
      </c>
      <c r="K41" s="14">
        <v>2066</v>
      </c>
    </row>
    <row r="42" spans="1:11" ht="15" customHeight="1">
      <c r="A42" s="17" t="s">
        <v>81</v>
      </c>
      <c r="B42" s="17"/>
      <c r="C42" s="13">
        <v>1178</v>
      </c>
      <c r="D42" s="19">
        <v>609</v>
      </c>
      <c r="E42" s="19">
        <v>569</v>
      </c>
      <c r="F42" s="19"/>
      <c r="G42" s="18" t="s">
        <v>82</v>
      </c>
      <c r="H42" s="17"/>
      <c r="I42" s="13">
        <v>844</v>
      </c>
      <c r="J42" s="19">
        <v>387</v>
      </c>
      <c r="K42" s="19">
        <v>457</v>
      </c>
    </row>
    <row r="43" spans="1:11" ht="15" customHeight="1">
      <c r="A43" s="17" t="s">
        <v>83</v>
      </c>
      <c r="B43" s="17"/>
      <c r="C43" s="13">
        <v>1187</v>
      </c>
      <c r="D43" s="19">
        <v>593</v>
      </c>
      <c r="E43" s="19">
        <v>594</v>
      </c>
      <c r="F43" s="19"/>
      <c r="G43" s="18" t="s">
        <v>84</v>
      </c>
      <c r="H43" s="17"/>
      <c r="I43" s="13">
        <v>849</v>
      </c>
      <c r="J43" s="19">
        <v>354</v>
      </c>
      <c r="K43" s="19">
        <v>495</v>
      </c>
    </row>
    <row r="44" spans="1:11" ht="15" customHeight="1">
      <c r="A44" s="17" t="s">
        <v>85</v>
      </c>
      <c r="B44" s="17"/>
      <c r="C44" s="13">
        <v>1096</v>
      </c>
      <c r="D44" s="19">
        <v>593</v>
      </c>
      <c r="E44" s="19">
        <v>503</v>
      </c>
      <c r="F44" s="19"/>
      <c r="G44" s="18" t="s">
        <v>86</v>
      </c>
      <c r="H44" s="17"/>
      <c r="I44" s="13">
        <v>733</v>
      </c>
      <c r="J44" s="19">
        <v>338</v>
      </c>
      <c r="K44" s="19">
        <v>395</v>
      </c>
    </row>
    <row r="45" spans="1:11" ht="15" customHeight="1">
      <c r="A45" s="17" t="s">
        <v>87</v>
      </c>
      <c r="B45" s="17"/>
      <c r="C45" s="13">
        <v>1189</v>
      </c>
      <c r="D45" s="19">
        <v>614</v>
      </c>
      <c r="E45" s="19">
        <v>575</v>
      </c>
      <c r="F45" s="19"/>
      <c r="G45" s="18" t="s">
        <v>88</v>
      </c>
      <c r="H45" s="17"/>
      <c r="I45" s="13">
        <v>746</v>
      </c>
      <c r="J45" s="19">
        <v>311</v>
      </c>
      <c r="K45" s="19">
        <v>435</v>
      </c>
    </row>
    <row r="46" spans="1:11" ht="15" customHeight="1">
      <c r="A46" s="17" t="s">
        <v>89</v>
      </c>
      <c r="B46" s="17"/>
      <c r="C46" s="13">
        <v>1189</v>
      </c>
      <c r="D46" s="19">
        <v>637</v>
      </c>
      <c r="E46" s="19">
        <v>552</v>
      </c>
      <c r="F46" s="19"/>
      <c r="G46" s="18" t="s">
        <v>90</v>
      </c>
      <c r="H46" s="17"/>
      <c r="I46" s="13">
        <v>546</v>
      </c>
      <c r="J46" s="19">
        <v>262</v>
      </c>
      <c r="K46" s="19">
        <v>284</v>
      </c>
    </row>
    <row r="47" spans="1:11" ht="20.100000000000001" customHeight="1">
      <c r="A47" s="17" t="s">
        <v>91</v>
      </c>
      <c r="B47" s="17"/>
      <c r="C47" s="13">
        <v>6295</v>
      </c>
      <c r="D47" s="14">
        <v>3333</v>
      </c>
      <c r="E47" s="14">
        <v>2962</v>
      </c>
      <c r="F47" s="14"/>
      <c r="G47" s="18" t="s">
        <v>92</v>
      </c>
      <c r="H47" s="17"/>
      <c r="I47" s="13">
        <v>2046</v>
      </c>
      <c r="J47" s="14">
        <v>792</v>
      </c>
      <c r="K47" s="14">
        <v>1254</v>
      </c>
    </row>
    <row r="48" spans="1:11" ht="15" customHeight="1">
      <c r="A48" s="17" t="s">
        <v>93</v>
      </c>
      <c r="B48" s="17"/>
      <c r="C48" s="13">
        <v>1245</v>
      </c>
      <c r="D48" s="19">
        <v>668</v>
      </c>
      <c r="E48" s="19">
        <v>577</v>
      </c>
      <c r="F48" s="19"/>
      <c r="G48" s="18" t="s">
        <v>94</v>
      </c>
      <c r="H48" s="17"/>
      <c r="I48" s="13">
        <v>517</v>
      </c>
      <c r="J48" s="19">
        <v>222</v>
      </c>
      <c r="K48" s="19">
        <v>295</v>
      </c>
    </row>
    <row r="49" spans="1:11" ht="15" customHeight="1">
      <c r="A49" s="17" t="s">
        <v>95</v>
      </c>
      <c r="B49" s="17"/>
      <c r="C49" s="13">
        <v>1270</v>
      </c>
      <c r="D49" s="19">
        <v>702</v>
      </c>
      <c r="E49" s="19">
        <v>568</v>
      </c>
      <c r="F49" s="19"/>
      <c r="G49" s="18" t="s">
        <v>96</v>
      </c>
      <c r="H49" s="17"/>
      <c r="I49" s="13">
        <v>490</v>
      </c>
      <c r="J49" s="19">
        <v>195</v>
      </c>
      <c r="K49" s="19">
        <v>295</v>
      </c>
    </row>
    <row r="50" spans="1:11" ht="15" customHeight="1">
      <c r="A50" s="17" t="s">
        <v>97</v>
      </c>
      <c r="B50" s="17"/>
      <c r="C50" s="13">
        <v>1202</v>
      </c>
      <c r="D50" s="19">
        <v>604</v>
      </c>
      <c r="E50" s="19">
        <v>598</v>
      </c>
      <c r="F50" s="19"/>
      <c r="G50" s="18" t="s">
        <v>98</v>
      </c>
      <c r="H50" s="17"/>
      <c r="I50" s="13">
        <v>407</v>
      </c>
      <c r="J50" s="19">
        <v>143</v>
      </c>
      <c r="K50" s="19">
        <v>264</v>
      </c>
    </row>
    <row r="51" spans="1:11" ht="15" customHeight="1">
      <c r="A51" s="17" t="s">
        <v>99</v>
      </c>
      <c r="B51" s="17"/>
      <c r="C51" s="13">
        <v>1279</v>
      </c>
      <c r="D51" s="19">
        <v>680</v>
      </c>
      <c r="E51" s="19">
        <v>599</v>
      </c>
      <c r="F51" s="19"/>
      <c r="G51" s="18" t="s">
        <v>100</v>
      </c>
      <c r="H51" s="17"/>
      <c r="I51" s="13">
        <v>336</v>
      </c>
      <c r="J51" s="19">
        <v>138</v>
      </c>
      <c r="K51" s="19">
        <v>198</v>
      </c>
    </row>
    <row r="52" spans="1:11" ht="15" customHeight="1">
      <c r="A52" s="17" t="s">
        <v>101</v>
      </c>
      <c r="B52" s="17"/>
      <c r="C52" s="13">
        <v>1299</v>
      </c>
      <c r="D52" s="19">
        <v>679</v>
      </c>
      <c r="E52" s="19">
        <v>620</v>
      </c>
      <c r="F52" s="19"/>
      <c r="G52" s="18" t="s">
        <v>102</v>
      </c>
      <c r="H52" s="17"/>
      <c r="I52" s="13">
        <v>296</v>
      </c>
      <c r="J52" s="19">
        <v>94</v>
      </c>
      <c r="K52" s="19">
        <v>202</v>
      </c>
    </row>
    <row r="53" spans="1:11" ht="20.100000000000001" customHeight="1">
      <c r="A53" s="17" t="s">
        <v>103</v>
      </c>
      <c r="B53" s="17"/>
      <c r="C53" s="13">
        <v>7477</v>
      </c>
      <c r="D53" s="14">
        <v>3853</v>
      </c>
      <c r="E53" s="14">
        <v>3624</v>
      </c>
      <c r="F53" s="14"/>
      <c r="G53" s="18" t="s">
        <v>104</v>
      </c>
      <c r="H53" s="17"/>
      <c r="I53" s="13">
        <v>993</v>
      </c>
      <c r="J53" s="14">
        <v>291</v>
      </c>
      <c r="K53" s="14">
        <v>702</v>
      </c>
    </row>
    <row r="54" spans="1:11" ht="15" customHeight="1">
      <c r="A54" s="17" t="s">
        <v>105</v>
      </c>
      <c r="B54" s="17"/>
      <c r="C54" s="13">
        <v>1423</v>
      </c>
      <c r="D54" s="19">
        <v>770</v>
      </c>
      <c r="E54" s="19">
        <v>653</v>
      </c>
      <c r="F54" s="19"/>
      <c r="G54" s="18" t="s">
        <v>106</v>
      </c>
      <c r="H54" s="17"/>
      <c r="I54" s="13">
        <v>268</v>
      </c>
      <c r="J54" s="19">
        <v>88</v>
      </c>
      <c r="K54" s="19">
        <v>180</v>
      </c>
    </row>
    <row r="55" spans="1:11" ht="15" customHeight="1">
      <c r="A55" s="17" t="s">
        <v>107</v>
      </c>
      <c r="B55" s="17"/>
      <c r="C55" s="13">
        <v>1423</v>
      </c>
      <c r="D55" s="19">
        <v>756</v>
      </c>
      <c r="E55" s="19">
        <v>667</v>
      </c>
      <c r="F55" s="19"/>
      <c r="G55" s="18" t="s">
        <v>108</v>
      </c>
      <c r="H55" s="17"/>
      <c r="I55" s="13">
        <v>224</v>
      </c>
      <c r="J55" s="19">
        <v>75</v>
      </c>
      <c r="K55" s="19">
        <v>149</v>
      </c>
    </row>
    <row r="56" spans="1:11" ht="15" customHeight="1">
      <c r="A56" s="17" t="s">
        <v>109</v>
      </c>
      <c r="B56" s="17"/>
      <c r="C56" s="13">
        <v>1446</v>
      </c>
      <c r="D56" s="19">
        <v>727</v>
      </c>
      <c r="E56" s="19">
        <v>719</v>
      </c>
      <c r="F56" s="19"/>
      <c r="G56" s="18" t="s">
        <v>110</v>
      </c>
      <c r="H56" s="17"/>
      <c r="I56" s="13">
        <v>213</v>
      </c>
      <c r="J56" s="19">
        <v>62</v>
      </c>
      <c r="K56" s="19">
        <v>151</v>
      </c>
    </row>
    <row r="57" spans="1:11" ht="15" customHeight="1">
      <c r="A57" s="17" t="s">
        <v>111</v>
      </c>
      <c r="B57" s="17"/>
      <c r="C57" s="13">
        <v>1560</v>
      </c>
      <c r="D57" s="19">
        <v>749</v>
      </c>
      <c r="E57" s="19">
        <v>811</v>
      </c>
      <c r="F57" s="19"/>
      <c r="G57" s="18" t="s">
        <v>112</v>
      </c>
      <c r="H57" s="17"/>
      <c r="I57" s="13">
        <v>189</v>
      </c>
      <c r="J57" s="19">
        <v>36</v>
      </c>
      <c r="K57" s="19">
        <v>153</v>
      </c>
    </row>
    <row r="58" spans="1:11" ht="15" customHeight="1">
      <c r="A58" s="17" t="s">
        <v>113</v>
      </c>
      <c r="B58" s="17"/>
      <c r="C58" s="13">
        <v>1625</v>
      </c>
      <c r="D58" s="19">
        <v>851</v>
      </c>
      <c r="E58" s="19">
        <v>774</v>
      </c>
      <c r="F58" s="19"/>
      <c r="G58" s="18" t="s">
        <v>114</v>
      </c>
      <c r="H58" s="17"/>
      <c r="I58" s="13">
        <v>99</v>
      </c>
      <c r="J58" s="19">
        <v>30</v>
      </c>
      <c r="K58" s="19">
        <v>69</v>
      </c>
    </row>
    <row r="59" spans="1:11" ht="20.100000000000001" customHeight="1">
      <c r="A59" s="17" t="s">
        <v>115</v>
      </c>
      <c r="B59" s="17"/>
      <c r="C59" s="13">
        <v>8314</v>
      </c>
      <c r="D59" s="14">
        <v>4339</v>
      </c>
      <c r="E59" s="14">
        <v>3975</v>
      </c>
      <c r="F59" s="14"/>
      <c r="G59" s="18" t="s">
        <v>116</v>
      </c>
      <c r="H59" s="17"/>
      <c r="I59" s="13">
        <v>281</v>
      </c>
      <c r="J59" s="14">
        <v>57</v>
      </c>
      <c r="K59" s="14">
        <v>224</v>
      </c>
    </row>
    <row r="60" spans="1:11" ht="15" customHeight="1">
      <c r="A60" s="17" t="s">
        <v>117</v>
      </c>
      <c r="B60" s="17"/>
      <c r="C60" s="13">
        <v>1735</v>
      </c>
      <c r="D60" s="19">
        <v>927</v>
      </c>
      <c r="E60" s="19">
        <v>808</v>
      </c>
      <c r="F60" s="19"/>
      <c r="G60" s="18" t="s">
        <v>118</v>
      </c>
      <c r="H60" s="17"/>
      <c r="I60" s="13">
        <v>107</v>
      </c>
      <c r="J60" s="19">
        <v>24</v>
      </c>
      <c r="K60" s="19">
        <v>83</v>
      </c>
    </row>
    <row r="61" spans="1:11" ht="15" customHeight="1">
      <c r="A61" s="17" t="s">
        <v>119</v>
      </c>
      <c r="B61" s="17"/>
      <c r="C61" s="13">
        <v>1718</v>
      </c>
      <c r="D61" s="19">
        <v>913</v>
      </c>
      <c r="E61" s="19">
        <v>805</v>
      </c>
      <c r="F61" s="19"/>
      <c r="G61" s="18" t="s">
        <v>120</v>
      </c>
      <c r="H61" s="17"/>
      <c r="I61" s="13">
        <v>73</v>
      </c>
      <c r="J61" s="19">
        <v>18</v>
      </c>
      <c r="K61" s="19">
        <v>55</v>
      </c>
    </row>
    <row r="62" spans="1:11" ht="15" customHeight="1">
      <c r="A62" s="17" t="s">
        <v>121</v>
      </c>
      <c r="B62" s="17"/>
      <c r="C62" s="13">
        <v>1643</v>
      </c>
      <c r="D62" s="19">
        <v>835</v>
      </c>
      <c r="E62" s="19">
        <v>808</v>
      </c>
      <c r="F62" s="19"/>
      <c r="G62" s="18" t="s">
        <v>122</v>
      </c>
      <c r="H62" s="17"/>
      <c r="I62" s="13">
        <v>38</v>
      </c>
      <c r="J62" s="19">
        <v>5</v>
      </c>
      <c r="K62" s="19">
        <v>33</v>
      </c>
    </row>
    <row r="63" spans="1:11" ht="15" customHeight="1">
      <c r="A63" s="17" t="s">
        <v>123</v>
      </c>
      <c r="B63" s="17"/>
      <c r="C63" s="13">
        <v>1635</v>
      </c>
      <c r="D63" s="19">
        <v>817</v>
      </c>
      <c r="E63" s="19">
        <v>818</v>
      </c>
      <c r="F63" s="19"/>
      <c r="G63" s="18" t="s">
        <v>124</v>
      </c>
      <c r="H63" s="17"/>
      <c r="I63" s="13">
        <v>41</v>
      </c>
      <c r="J63" s="19">
        <v>9</v>
      </c>
      <c r="K63" s="19">
        <v>32</v>
      </c>
    </row>
    <row r="64" spans="1:11" ht="15" customHeight="1">
      <c r="A64" s="17" t="s">
        <v>125</v>
      </c>
      <c r="B64" s="17"/>
      <c r="C64" s="13">
        <v>1583</v>
      </c>
      <c r="D64" s="19">
        <v>847</v>
      </c>
      <c r="E64" s="19">
        <v>736</v>
      </c>
      <c r="F64" s="19"/>
      <c r="G64" s="18" t="s">
        <v>126</v>
      </c>
      <c r="H64" s="17"/>
      <c r="I64" s="13">
        <v>22</v>
      </c>
      <c r="J64" s="19">
        <v>1</v>
      </c>
      <c r="K64" s="19">
        <v>2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5</v>
      </c>
      <c r="J65" s="19">
        <v>11</v>
      </c>
      <c r="K65" s="19">
        <v>4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83</v>
      </c>
      <c r="J66" s="29">
        <v>369</v>
      </c>
      <c r="K66" s="29">
        <v>31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2" pageOrder="overThenDown" orientation="portrait" blackAndWhite="1" useFirstPageNumber="1" horizontalDpi="300" verticalDpi="300"/>
  <headerFooter scaleWithDoc="0"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1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8284</v>
      </c>
      <c r="D4" s="14">
        <v>24434</v>
      </c>
      <c r="E4" s="14">
        <v>2385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952</v>
      </c>
      <c r="D5" s="14">
        <v>1017</v>
      </c>
      <c r="E5" s="14">
        <v>935</v>
      </c>
      <c r="F5" s="14"/>
      <c r="G5" s="18" t="s">
        <v>8</v>
      </c>
      <c r="H5" s="17"/>
      <c r="I5" s="13">
        <v>3162</v>
      </c>
      <c r="J5" s="14">
        <v>1639</v>
      </c>
      <c r="K5" s="14">
        <v>1523</v>
      </c>
    </row>
    <row r="6" spans="1:11" ht="15" customHeight="1">
      <c r="A6" s="17" t="s">
        <v>9</v>
      </c>
      <c r="B6" s="17"/>
      <c r="C6" s="13">
        <v>346</v>
      </c>
      <c r="D6" s="19">
        <v>181</v>
      </c>
      <c r="E6" s="19">
        <v>165</v>
      </c>
      <c r="F6" s="19"/>
      <c r="G6" s="18" t="s">
        <v>10</v>
      </c>
      <c r="H6" s="17"/>
      <c r="I6" s="13">
        <v>702</v>
      </c>
      <c r="J6" s="19">
        <v>366</v>
      </c>
      <c r="K6" s="19">
        <v>336</v>
      </c>
    </row>
    <row r="7" spans="1:11" ht="15" customHeight="1">
      <c r="A7" s="17" t="s">
        <v>11</v>
      </c>
      <c r="B7" s="17"/>
      <c r="C7" s="13">
        <v>415</v>
      </c>
      <c r="D7" s="19">
        <v>227</v>
      </c>
      <c r="E7" s="19">
        <v>188</v>
      </c>
      <c r="F7" s="19"/>
      <c r="G7" s="18" t="s">
        <v>12</v>
      </c>
      <c r="H7" s="17"/>
      <c r="I7" s="13">
        <v>683</v>
      </c>
      <c r="J7" s="19">
        <v>361</v>
      </c>
      <c r="K7" s="19">
        <v>322</v>
      </c>
    </row>
    <row r="8" spans="1:11" ht="15" customHeight="1">
      <c r="A8" s="17" t="s">
        <v>13</v>
      </c>
      <c r="B8" s="17"/>
      <c r="C8" s="13">
        <v>377</v>
      </c>
      <c r="D8" s="19">
        <v>199</v>
      </c>
      <c r="E8" s="19">
        <v>178</v>
      </c>
      <c r="F8" s="19"/>
      <c r="G8" s="18" t="s">
        <v>14</v>
      </c>
      <c r="H8" s="17"/>
      <c r="I8" s="13">
        <v>500</v>
      </c>
      <c r="J8" s="19">
        <v>264</v>
      </c>
      <c r="K8" s="19">
        <v>236</v>
      </c>
    </row>
    <row r="9" spans="1:11" ht="15" customHeight="1">
      <c r="A9" s="17" t="s">
        <v>15</v>
      </c>
      <c r="B9" s="17"/>
      <c r="C9" s="13">
        <v>417</v>
      </c>
      <c r="D9" s="19">
        <v>204</v>
      </c>
      <c r="E9" s="19">
        <v>213</v>
      </c>
      <c r="F9" s="19"/>
      <c r="G9" s="18" t="s">
        <v>16</v>
      </c>
      <c r="H9" s="17"/>
      <c r="I9" s="13">
        <v>650</v>
      </c>
      <c r="J9" s="19">
        <v>332</v>
      </c>
      <c r="K9" s="19">
        <v>318</v>
      </c>
    </row>
    <row r="10" spans="1:11" ht="15" customHeight="1">
      <c r="A10" s="17" t="s">
        <v>17</v>
      </c>
      <c r="B10" s="17"/>
      <c r="C10" s="13">
        <v>397</v>
      </c>
      <c r="D10" s="19">
        <v>206</v>
      </c>
      <c r="E10" s="19">
        <v>191</v>
      </c>
      <c r="F10" s="19"/>
      <c r="G10" s="18" t="s">
        <v>18</v>
      </c>
      <c r="H10" s="17"/>
      <c r="I10" s="13">
        <v>627</v>
      </c>
      <c r="J10" s="19">
        <v>316</v>
      </c>
      <c r="K10" s="19">
        <v>311</v>
      </c>
    </row>
    <row r="11" spans="1:11" ht="20.100000000000001" customHeight="1">
      <c r="A11" s="17" t="s">
        <v>19</v>
      </c>
      <c r="B11" s="17"/>
      <c r="C11" s="13">
        <v>2138</v>
      </c>
      <c r="D11" s="14">
        <v>1073</v>
      </c>
      <c r="E11" s="14">
        <v>1065</v>
      </c>
      <c r="F11" s="14"/>
      <c r="G11" s="18" t="s">
        <v>20</v>
      </c>
      <c r="H11" s="17"/>
      <c r="I11" s="13">
        <v>2701</v>
      </c>
      <c r="J11" s="14">
        <v>1398</v>
      </c>
      <c r="K11" s="14">
        <v>1303</v>
      </c>
    </row>
    <row r="12" spans="1:11" ht="15" customHeight="1">
      <c r="A12" s="17" t="s">
        <v>21</v>
      </c>
      <c r="B12" s="17"/>
      <c r="C12" s="13">
        <v>411</v>
      </c>
      <c r="D12" s="19">
        <v>225</v>
      </c>
      <c r="E12" s="19">
        <v>186</v>
      </c>
      <c r="F12" s="19"/>
      <c r="G12" s="18" t="s">
        <v>22</v>
      </c>
      <c r="H12" s="17"/>
      <c r="I12" s="13">
        <v>558</v>
      </c>
      <c r="J12" s="19">
        <v>303</v>
      </c>
      <c r="K12" s="19">
        <v>255</v>
      </c>
    </row>
    <row r="13" spans="1:11" ht="15" customHeight="1">
      <c r="A13" s="17" t="s">
        <v>23</v>
      </c>
      <c r="B13" s="17"/>
      <c r="C13" s="13">
        <v>439</v>
      </c>
      <c r="D13" s="19">
        <v>219</v>
      </c>
      <c r="E13" s="19">
        <v>220</v>
      </c>
      <c r="F13" s="19"/>
      <c r="G13" s="18" t="s">
        <v>24</v>
      </c>
      <c r="H13" s="17"/>
      <c r="I13" s="13">
        <v>560</v>
      </c>
      <c r="J13" s="19">
        <v>293</v>
      </c>
      <c r="K13" s="19">
        <v>267</v>
      </c>
    </row>
    <row r="14" spans="1:11" ht="15" customHeight="1">
      <c r="A14" s="17" t="s">
        <v>25</v>
      </c>
      <c r="B14" s="17"/>
      <c r="C14" s="13">
        <v>426</v>
      </c>
      <c r="D14" s="19">
        <v>203</v>
      </c>
      <c r="E14" s="19">
        <v>223</v>
      </c>
      <c r="F14" s="19"/>
      <c r="G14" s="18" t="s">
        <v>26</v>
      </c>
      <c r="H14" s="17"/>
      <c r="I14" s="13">
        <v>535</v>
      </c>
      <c r="J14" s="19">
        <v>278</v>
      </c>
      <c r="K14" s="19">
        <v>257</v>
      </c>
    </row>
    <row r="15" spans="1:11" ht="15" customHeight="1">
      <c r="A15" s="17" t="s">
        <v>27</v>
      </c>
      <c r="B15" s="17"/>
      <c r="C15" s="13">
        <v>439</v>
      </c>
      <c r="D15" s="19">
        <v>213</v>
      </c>
      <c r="E15" s="19">
        <v>226</v>
      </c>
      <c r="F15" s="19"/>
      <c r="G15" s="18" t="s">
        <v>28</v>
      </c>
      <c r="H15" s="17"/>
      <c r="I15" s="13">
        <v>534</v>
      </c>
      <c r="J15" s="19">
        <v>254</v>
      </c>
      <c r="K15" s="19">
        <v>280</v>
      </c>
    </row>
    <row r="16" spans="1:11" ht="15" customHeight="1">
      <c r="A16" s="17" t="s">
        <v>29</v>
      </c>
      <c r="B16" s="17"/>
      <c r="C16" s="13">
        <v>423</v>
      </c>
      <c r="D16" s="19">
        <v>213</v>
      </c>
      <c r="E16" s="19">
        <v>210</v>
      </c>
      <c r="F16" s="19"/>
      <c r="G16" s="18" t="s">
        <v>30</v>
      </c>
      <c r="H16" s="17"/>
      <c r="I16" s="13">
        <v>514</v>
      </c>
      <c r="J16" s="19">
        <v>270</v>
      </c>
      <c r="K16" s="19">
        <v>244</v>
      </c>
    </row>
    <row r="17" spans="1:11" ht="20.100000000000001" customHeight="1">
      <c r="A17" s="20" t="s">
        <v>31</v>
      </c>
      <c r="B17" s="20"/>
      <c r="C17" s="13">
        <v>2232</v>
      </c>
      <c r="D17" s="14">
        <v>1180</v>
      </c>
      <c r="E17" s="14">
        <v>1052</v>
      </c>
      <c r="F17" s="14"/>
      <c r="G17" s="18" t="s">
        <v>32</v>
      </c>
      <c r="H17" s="17"/>
      <c r="I17" s="13">
        <v>2693</v>
      </c>
      <c r="J17" s="14">
        <v>1315</v>
      </c>
      <c r="K17" s="14">
        <v>1378</v>
      </c>
    </row>
    <row r="18" spans="1:11" ht="15" customHeight="1">
      <c r="A18" s="17" t="s">
        <v>33</v>
      </c>
      <c r="B18" s="17"/>
      <c r="C18" s="13">
        <v>458</v>
      </c>
      <c r="D18" s="19">
        <v>266</v>
      </c>
      <c r="E18" s="19">
        <v>192</v>
      </c>
      <c r="F18" s="19"/>
      <c r="G18" s="18" t="s">
        <v>34</v>
      </c>
      <c r="H18" s="17"/>
      <c r="I18" s="13">
        <v>580</v>
      </c>
      <c r="J18" s="19">
        <v>279</v>
      </c>
      <c r="K18" s="19">
        <v>301</v>
      </c>
    </row>
    <row r="19" spans="1:11" ht="15" customHeight="1">
      <c r="A19" s="17" t="s">
        <v>35</v>
      </c>
      <c r="B19" s="17"/>
      <c r="C19" s="13">
        <v>419</v>
      </c>
      <c r="D19" s="19">
        <v>206</v>
      </c>
      <c r="E19" s="19">
        <v>213</v>
      </c>
      <c r="F19" s="19"/>
      <c r="G19" s="18" t="s">
        <v>36</v>
      </c>
      <c r="H19" s="17"/>
      <c r="I19" s="13">
        <v>464</v>
      </c>
      <c r="J19" s="19">
        <v>244</v>
      </c>
      <c r="K19" s="19">
        <v>220</v>
      </c>
    </row>
    <row r="20" spans="1:11" ht="15" customHeight="1">
      <c r="A20" s="17" t="s">
        <v>37</v>
      </c>
      <c r="B20" s="17"/>
      <c r="C20" s="13">
        <v>445</v>
      </c>
      <c r="D20" s="19">
        <v>240</v>
      </c>
      <c r="E20" s="19">
        <v>205</v>
      </c>
      <c r="F20" s="19"/>
      <c r="G20" s="18" t="s">
        <v>38</v>
      </c>
      <c r="H20" s="17"/>
      <c r="I20" s="13">
        <v>517</v>
      </c>
      <c r="J20" s="19">
        <v>247</v>
      </c>
      <c r="K20" s="19">
        <v>270</v>
      </c>
    </row>
    <row r="21" spans="1:11" ht="15" customHeight="1">
      <c r="A21" s="17" t="s">
        <v>39</v>
      </c>
      <c r="B21" s="17"/>
      <c r="C21" s="13">
        <v>428</v>
      </c>
      <c r="D21" s="19">
        <v>224</v>
      </c>
      <c r="E21" s="19">
        <v>204</v>
      </c>
      <c r="F21" s="19"/>
      <c r="G21" s="18" t="s">
        <v>40</v>
      </c>
      <c r="H21" s="17"/>
      <c r="I21" s="13">
        <v>569</v>
      </c>
      <c r="J21" s="19">
        <v>283</v>
      </c>
      <c r="K21" s="19">
        <v>286</v>
      </c>
    </row>
    <row r="22" spans="1:11" ht="15" customHeight="1">
      <c r="A22" s="17" t="s">
        <v>41</v>
      </c>
      <c r="B22" s="17"/>
      <c r="C22" s="13">
        <v>482</v>
      </c>
      <c r="D22" s="19">
        <v>244</v>
      </c>
      <c r="E22" s="19">
        <v>238</v>
      </c>
      <c r="F22" s="19"/>
      <c r="G22" s="18" t="s">
        <v>42</v>
      </c>
      <c r="H22" s="17"/>
      <c r="I22" s="13">
        <v>563</v>
      </c>
      <c r="J22" s="19">
        <v>262</v>
      </c>
      <c r="K22" s="19">
        <v>301</v>
      </c>
    </row>
    <row r="23" spans="1:11" ht="20.100000000000001" customHeight="1">
      <c r="A23" s="17" t="s">
        <v>43</v>
      </c>
      <c r="B23" s="17"/>
      <c r="C23" s="13">
        <v>2331</v>
      </c>
      <c r="D23" s="14">
        <v>1194</v>
      </c>
      <c r="E23" s="14">
        <v>1137</v>
      </c>
      <c r="F23" s="14"/>
      <c r="G23" s="18" t="s">
        <v>44</v>
      </c>
      <c r="H23" s="17"/>
      <c r="I23" s="13">
        <v>3668</v>
      </c>
      <c r="J23" s="14">
        <v>1788</v>
      </c>
      <c r="K23" s="14">
        <v>1880</v>
      </c>
    </row>
    <row r="24" spans="1:11" ht="15" customHeight="1">
      <c r="A24" s="17" t="s">
        <v>45</v>
      </c>
      <c r="B24" s="17"/>
      <c r="C24" s="13">
        <v>444</v>
      </c>
      <c r="D24" s="19">
        <v>226</v>
      </c>
      <c r="E24" s="19">
        <v>218</v>
      </c>
      <c r="F24" s="19"/>
      <c r="G24" s="18" t="s">
        <v>46</v>
      </c>
      <c r="H24" s="17"/>
      <c r="I24" s="13">
        <v>603</v>
      </c>
      <c r="J24" s="19">
        <v>281</v>
      </c>
      <c r="K24" s="19">
        <v>322</v>
      </c>
    </row>
    <row r="25" spans="1:11" ht="15" customHeight="1">
      <c r="A25" s="17" t="s">
        <v>47</v>
      </c>
      <c r="B25" s="17"/>
      <c r="C25" s="13">
        <v>489</v>
      </c>
      <c r="D25" s="19">
        <v>242</v>
      </c>
      <c r="E25" s="19">
        <v>247</v>
      </c>
      <c r="F25" s="19"/>
      <c r="G25" s="18" t="s">
        <v>48</v>
      </c>
      <c r="H25" s="17"/>
      <c r="I25" s="13">
        <v>722</v>
      </c>
      <c r="J25" s="19">
        <v>356</v>
      </c>
      <c r="K25" s="19">
        <v>366</v>
      </c>
    </row>
    <row r="26" spans="1:11" ht="15" customHeight="1">
      <c r="A26" s="17" t="s">
        <v>49</v>
      </c>
      <c r="B26" s="17"/>
      <c r="C26" s="13">
        <v>465</v>
      </c>
      <c r="D26" s="19">
        <v>239</v>
      </c>
      <c r="E26" s="19">
        <v>226</v>
      </c>
      <c r="F26" s="19"/>
      <c r="G26" s="18" t="s">
        <v>50</v>
      </c>
      <c r="H26" s="17"/>
      <c r="I26" s="13">
        <v>720</v>
      </c>
      <c r="J26" s="19">
        <v>364</v>
      </c>
      <c r="K26" s="19">
        <v>356</v>
      </c>
    </row>
    <row r="27" spans="1:11" ht="15" customHeight="1">
      <c r="A27" s="17" t="s">
        <v>51</v>
      </c>
      <c r="B27" s="17"/>
      <c r="C27" s="13">
        <v>483</v>
      </c>
      <c r="D27" s="19">
        <v>233</v>
      </c>
      <c r="E27" s="19">
        <v>250</v>
      </c>
      <c r="F27" s="19"/>
      <c r="G27" s="18" t="s">
        <v>52</v>
      </c>
      <c r="H27" s="17"/>
      <c r="I27" s="13">
        <v>746</v>
      </c>
      <c r="J27" s="19">
        <v>378</v>
      </c>
      <c r="K27" s="19">
        <v>368</v>
      </c>
    </row>
    <row r="28" spans="1:11" ht="15" customHeight="1">
      <c r="A28" s="17" t="s">
        <v>53</v>
      </c>
      <c r="B28" s="17"/>
      <c r="C28" s="13">
        <v>450</v>
      </c>
      <c r="D28" s="19">
        <v>254</v>
      </c>
      <c r="E28" s="19">
        <v>196</v>
      </c>
      <c r="F28" s="19"/>
      <c r="G28" s="18" t="s">
        <v>54</v>
      </c>
      <c r="H28" s="17"/>
      <c r="I28" s="13">
        <v>877</v>
      </c>
      <c r="J28" s="19">
        <v>409</v>
      </c>
      <c r="K28" s="19">
        <v>468</v>
      </c>
    </row>
    <row r="29" spans="1:11" ht="20.100000000000001" customHeight="1">
      <c r="A29" s="17" t="s">
        <v>55</v>
      </c>
      <c r="B29" s="17"/>
      <c r="C29" s="13">
        <v>2259</v>
      </c>
      <c r="D29" s="14">
        <v>1184</v>
      </c>
      <c r="E29" s="14">
        <v>1075</v>
      </c>
      <c r="F29" s="14"/>
      <c r="G29" s="18" t="s">
        <v>56</v>
      </c>
      <c r="H29" s="17"/>
      <c r="I29" s="13">
        <v>3306</v>
      </c>
      <c r="J29" s="14">
        <v>1585</v>
      </c>
      <c r="K29" s="14">
        <v>1721</v>
      </c>
    </row>
    <row r="30" spans="1:11" ht="15" customHeight="1">
      <c r="A30" s="17" t="s">
        <v>57</v>
      </c>
      <c r="B30" s="17"/>
      <c r="C30" s="13">
        <v>451</v>
      </c>
      <c r="D30" s="19">
        <v>226</v>
      </c>
      <c r="E30" s="19">
        <v>225</v>
      </c>
      <c r="F30" s="19"/>
      <c r="G30" s="18" t="s">
        <v>58</v>
      </c>
      <c r="H30" s="17"/>
      <c r="I30" s="13">
        <v>772</v>
      </c>
      <c r="J30" s="19">
        <v>358</v>
      </c>
      <c r="K30" s="19">
        <v>414</v>
      </c>
    </row>
    <row r="31" spans="1:11" ht="15" customHeight="1">
      <c r="A31" s="17" t="s">
        <v>59</v>
      </c>
      <c r="B31" s="17"/>
      <c r="C31" s="13">
        <v>447</v>
      </c>
      <c r="D31" s="19">
        <v>235</v>
      </c>
      <c r="E31" s="19">
        <v>212</v>
      </c>
      <c r="F31" s="19"/>
      <c r="G31" s="18" t="s">
        <v>60</v>
      </c>
      <c r="H31" s="17"/>
      <c r="I31" s="13">
        <v>806</v>
      </c>
      <c r="J31" s="19">
        <v>377</v>
      </c>
      <c r="K31" s="19">
        <v>429</v>
      </c>
    </row>
    <row r="32" spans="1:11" ht="15" customHeight="1">
      <c r="A32" s="17" t="s">
        <v>61</v>
      </c>
      <c r="B32" s="17"/>
      <c r="C32" s="13">
        <v>469</v>
      </c>
      <c r="D32" s="19">
        <v>244</v>
      </c>
      <c r="E32" s="19">
        <v>225</v>
      </c>
      <c r="F32" s="19"/>
      <c r="G32" s="18" t="s">
        <v>62</v>
      </c>
      <c r="H32" s="17"/>
      <c r="I32" s="13">
        <v>576</v>
      </c>
      <c r="J32" s="19">
        <v>276</v>
      </c>
      <c r="K32" s="19">
        <v>300</v>
      </c>
    </row>
    <row r="33" spans="1:11" ht="15" customHeight="1">
      <c r="A33" s="17" t="s">
        <v>63</v>
      </c>
      <c r="B33" s="17"/>
      <c r="C33" s="13">
        <v>423</v>
      </c>
      <c r="D33" s="19">
        <v>242</v>
      </c>
      <c r="E33" s="19">
        <v>181</v>
      </c>
      <c r="F33" s="19"/>
      <c r="G33" s="18" t="s">
        <v>64</v>
      </c>
      <c r="H33" s="17"/>
      <c r="I33" s="13">
        <v>529</v>
      </c>
      <c r="J33" s="19">
        <v>261</v>
      </c>
      <c r="K33" s="19">
        <v>268</v>
      </c>
    </row>
    <row r="34" spans="1:11" ht="15" customHeight="1">
      <c r="A34" s="17" t="s">
        <v>65</v>
      </c>
      <c r="B34" s="17"/>
      <c r="C34" s="13">
        <v>469</v>
      </c>
      <c r="D34" s="19">
        <v>237</v>
      </c>
      <c r="E34" s="19">
        <v>232</v>
      </c>
      <c r="F34" s="19"/>
      <c r="G34" s="18" t="s">
        <v>66</v>
      </c>
      <c r="H34" s="17"/>
      <c r="I34" s="13">
        <v>623</v>
      </c>
      <c r="J34" s="19">
        <v>313</v>
      </c>
      <c r="K34" s="19">
        <v>310</v>
      </c>
    </row>
    <row r="35" spans="1:11" ht="20.100000000000001" customHeight="1">
      <c r="A35" s="17" t="s">
        <v>67</v>
      </c>
      <c r="B35" s="17"/>
      <c r="C35" s="13">
        <v>2370</v>
      </c>
      <c r="D35" s="14">
        <v>1286</v>
      </c>
      <c r="E35" s="14">
        <v>1084</v>
      </c>
      <c r="F35" s="14"/>
      <c r="G35" s="18" t="s">
        <v>68</v>
      </c>
      <c r="H35" s="17"/>
      <c r="I35" s="13">
        <v>2847</v>
      </c>
      <c r="J35" s="14">
        <v>1358</v>
      </c>
      <c r="K35" s="14">
        <v>1489</v>
      </c>
    </row>
    <row r="36" spans="1:11" ht="15" customHeight="1">
      <c r="A36" s="17" t="s">
        <v>69</v>
      </c>
      <c r="B36" s="17"/>
      <c r="C36" s="13">
        <v>501</v>
      </c>
      <c r="D36" s="19">
        <v>290</v>
      </c>
      <c r="E36" s="19">
        <v>211</v>
      </c>
      <c r="F36" s="19"/>
      <c r="G36" s="18" t="s">
        <v>70</v>
      </c>
      <c r="H36" s="17"/>
      <c r="I36" s="13">
        <v>669</v>
      </c>
      <c r="J36" s="19">
        <v>314</v>
      </c>
      <c r="K36" s="19">
        <v>355</v>
      </c>
    </row>
    <row r="37" spans="1:11" ht="15" customHeight="1">
      <c r="A37" s="17" t="s">
        <v>71</v>
      </c>
      <c r="B37" s="17"/>
      <c r="C37" s="13">
        <v>427</v>
      </c>
      <c r="D37" s="19">
        <v>239</v>
      </c>
      <c r="E37" s="19">
        <v>188</v>
      </c>
      <c r="F37" s="19"/>
      <c r="G37" s="18" t="s">
        <v>72</v>
      </c>
      <c r="H37" s="17"/>
      <c r="I37" s="13">
        <v>605</v>
      </c>
      <c r="J37" s="19">
        <v>269</v>
      </c>
      <c r="K37" s="19">
        <v>336</v>
      </c>
    </row>
    <row r="38" spans="1:11" ht="15" customHeight="1">
      <c r="A38" s="17" t="s">
        <v>73</v>
      </c>
      <c r="B38" s="17"/>
      <c r="C38" s="13">
        <v>448</v>
      </c>
      <c r="D38" s="19">
        <v>231</v>
      </c>
      <c r="E38" s="19">
        <v>217</v>
      </c>
      <c r="F38" s="19"/>
      <c r="G38" s="18" t="s">
        <v>74</v>
      </c>
      <c r="H38" s="17"/>
      <c r="I38" s="13">
        <v>616</v>
      </c>
      <c r="J38" s="19">
        <v>306</v>
      </c>
      <c r="K38" s="19">
        <v>310</v>
      </c>
    </row>
    <row r="39" spans="1:11" ht="15" customHeight="1">
      <c r="A39" s="17" t="s">
        <v>75</v>
      </c>
      <c r="B39" s="17"/>
      <c r="C39" s="13">
        <v>475</v>
      </c>
      <c r="D39" s="19">
        <v>241</v>
      </c>
      <c r="E39" s="19">
        <v>234</v>
      </c>
      <c r="F39" s="19"/>
      <c r="G39" s="18" t="s">
        <v>76</v>
      </c>
      <c r="H39" s="17"/>
      <c r="I39" s="13">
        <v>505</v>
      </c>
      <c r="J39" s="19">
        <v>235</v>
      </c>
      <c r="K39" s="19">
        <v>270</v>
      </c>
    </row>
    <row r="40" spans="1:11" ht="15" customHeight="1">
      <c r="A40" s="17" t="s">
        <v>77</v>
      </c>
      <c r="B40" s="17"/>
      <c r="C40" s="13">
        <v>519</v>
      </c>
      <c r="D40" s="19">
        <v>285</v>
      </c>
      <c r="E40" s="19">
        <v>234</v>
      </c>
      <c r="F40" s="19"/>
      <c r="G40" s="18" t="s">
        <v>78</v>
      </c>
      <c r="H40" s="17"/>
      <c r="I40" s="13">
        <v>452</v>
      </c>
      <c r="J40" s="19">
        <v>234</v>
      </c>
      <c r="K40" s="19">
        <v>218</v>
      </c>
    </row>
    <row r="41" spans="1:11" ht="20.100000000000001" customHeight="1">
      <c r="A41" s="17" t="s">
        <v>79</v>
      </c>
      <c r="B41" s="17"/>
      <c r="C41" s="13">
        <v>2597</v>
      </c>
      <c r="D41" s="14">
        <v>1389</v>
      </c>
      <c r="E41" s="14">
        <v>1208</v>
      </c>
      <c r="F41" s="14"/>
      <c r="G41" s="18" t="s">
        <v>80</v>
      </c>
      <c r="H41" s="17"/>
      <c r="I41" s="13">
        <v>1733</v>
      </c>
      <c r="J41" s="14">
        <v>796</v>
      </c>
      <c r="K41" s="14">
        <v>937</v>
      </c>
    </row>
    <row r="42" spans="1:11" ht="15" customHeight="1">
      <c r="A42" s="17" t="s">
        <v>81</v>
      </c>
      <c r="B42" s="17"/>
      <c r="C42" s="13">
        <v>525</v>
      </c>
      <c r="D42" s="19">
        <v>277</v>
      </c>
      <c r="E42" s="19">
        <v>248</v>
      </c>
      <c r="F42" s="19"/>
      <c r="G42" s="18" t="s">
        <v>82</v>
      </c>
      <c r="H42" s="17"/>
      <c r="I42" s="13">
        <v>388</v>
      </c>
      <c r="J42" s="19">
        <v>199</v>
      </c>
      <c r="K42" s="19">
        <v>189</v>
      </c>
    </row>
    <row r="43" spans="1:11" ht="15" customHeight="1">
      <c r="A43" s="17" t="s">
        <v>83</v>
      </c>
      <c r="B43" s="17"/>
      <c r="C43" s="13">
        <v>514</v>
      </c>
      <c r="D43" s="19">
        <v>281</v>
      </c>
      <c r="E43" s="19">
        <v>233</v>
      </c>
      <c r="F43" s="19"/>
      <c r="G43" s="18" t="s">
        <v>84</v>
      </c>
      <c r="H43" s="17"/>
      <c r="I43" s="13">
        <v>397</v>
      </c>
      <c r="J43" s="19">
        <v>195</v>
      </c>
      <c r="K43" s="19">
        <v>202</v>
      </c>
    </row>
    <row r="44" spans="1:11" ht="15" customHeight="1">
      <c r="A44" s="17" t="s">
        <v>85</v>
      </c>
      <c r="B44" s="17"/>
      <c r="C44" s="13">
        <v>509</v>
      </c>
      <c r="D44" s="19">
        <v>269</v>
      </c>
      <c r="E44" s="19">
        <v>240</v>
      </c>
      <c r="F44" s="19"/>
      <c r="G44" s="18" t="s">
        <v>86</v>
      </c>
      <c r="H44" s="17"/>
      <c r="I44" s="13">
        <v>326</v>
      </c>
      <c r="J44" s="19">
        <v>149</v>
      </c>
      <c r="K44" s="19">
        <v>177</v>
      </c>
    </row>
    <row r="45" spans="1:11" ht="15" customHeight="1">
      <c r="A45" s="17" t="s">
        <v>87</v>
      </c>
      <c r="B45" s="17"/>
      <c r="C45" s="13">
        <v>520</v>
      </c>
      <c r="D45" s="19">
        <v>267</v>
      </c>
      <c r="E45" s="19">
        <v>253</v>
      </c>
      <c r="F45" s="19"/>
      <c r="G45" s="18" t="s">
        <v>88</v>
      </c>
      <c r="H45" s="17"/>
      <c r="I45" s="13">
        <v>358</v>
      </c>
      <c r="J45" s="19">
        <v>150</v>
      </c>
      <c r="K45" s="19">
        <v>208</v>
      </c>
    </row>
    <row r="46" spans="1:11" ht="15" customHeight="1">
      <c r="A46" s="17" t="s">
        <v>89</v>
      </c>
      <c r="B46" s="17"/>
      <c r="C46" s="13">
        <v>529</v>
      </c>
      <c r="D46" s="19">
        <v>295</v>
      </c>
      <c r="E46" s="19">
        <v>234</v>
      </c>
      <c r="F46" s="19"/>
      <c r="G46" s="18" t="s">
        <v>90</v>
      </c>
      <c r="H46" s="17"/>
      <c r="I46" s="13">
        <v>264</v>
      </c>
      <c r="J46" s="19">
        <v>103</v>
      </c>
      <c r="K46" s="19">
        <v>161</v>
      </c>
    </row>
    <row r="47" spans="1:11" ht="20.100000000000001" customHeight="1">
      <c r="A47" s="17" t="s">
        <v>91</v>
      </c>
      <c r="B47" s="17"/>
      <c r="C47" s="13">
        <v>3076</v>
      </c>
      <c r="D47" s="14">
        <v>1623</v>
      </c>
      <c r="E47" s="14">
        <v>1453</v>
      </c>
      <c r="F47" s="14"/>
      <c r="G47" s="18" t="s">
        <v>92</v>
      </c>
      <c r="H47" s="17"/>
      <c r="I47" s="13">
        <v>952</v>
      </c>
      <c r="J47" s="14">
        <v>369</v>
      </c>
      <c r="K47" s="14">
        <v>583</v>
      </c>
    </row>
    <row r="48" spans="1:11" ht="15" customHeight="1">
      <c r="A48" s="17" t="s">
        <v>93</v>
      </c>
      <c r="B48" s="17"/>
      <c r="C48" s="13">
        <v>539</v>
      </c>
      <c r="D48" s="19">
        <v>270</v>
      </c>
      <c r="E48" s="19">
        <v>269</v>
      </c>
      <c r="F48" s="19"/>
      <c r="G48" s="18" t="s">
        <v>94</v>
      </c>
      <c r="H48" s="17"/>
      <c r="I48" s="13">
        <v>265</v>
      </c>
      <c r="J48" s="19">
        <v>126</v>
      </c>
      <c r="K48" s="19">
        <v>139</v>
      </c>
    </row>
    <row r="49" spans="1:11" ht="15" customHeight="1">
      <c r="A49" s="17" t="s">
        <v>95</v>
      </c>
      <c r="B49" s="17"/>
      <c r="C49" s="13">
        <v>587</v>
      </c>
      <c r="D49" s="19">
        <v>321</v>
      </c>
      <c r="E49" s="19">
        <v>266</v>
      </c>
      <c r="F49" s="19"/>
      <c r="G49" s="18" t="s">
        <v>96</v>
      </c>
      <c r="H49" s="17"/>
      <c r="I49" s="13">
        <v>209</v>
      </c>
      <c r="J49" s="19">
        <v>71</v>
      </c>
      <c r="K49" s="19">
        <v>138</v>
      </c>
    </row>
    <row r="50" spans="1:11" ht="15" customHeight="1">
      <c r="A50" s="17" t="s">
        <v>97</v>
      </c>
      <c r="B50" s="17"/>
      <c r="C50" s="13">
        <v>591</v>
      </c>
      <c r="D50" s="19">
        <v>292</v>
      </c>
      <c r="E50" s="19">
        <v>299</v>
      </c>
      <c r="F50" s="19"/>
      <c r="G50" s="18" t="s">
        <v>98</v>
      </c>
      <c r="H50" s="17"/>
      <c r="I50" s="13">
        <v>169</v>
      </c>
      <c r="J50" s="19">
        <v>62</v>
      </c>
      <c r="K50" s="19">
        <v>107</v>
      </c>
    </row>
    <row r="51" spans="1:11" ht="15" customHeight="1">
      <c r="A51" s="17" t="s">
        <v>99</v>
      </c>
      <c r="B51" s="17"/>
      <c r="C51" s="13">
        <v>622</v>
      </c>
      <c r="D51" s="19">
        <v>335</v>
      </c>
      <c r="E51" s="19">
        <v>287</v>
      </c>
      <c r="F51" s="19"/>
      <c r="G51" s="18" t="s">
        <v>100</v>
      </c>
      <c r="H51" s="17"/>
      <c r="I51" s="13">
        <v>168</v>
      </c>
      <c r="J51" s="19">
        <v>62</v>
      </c>
      <c r="K51" s="19">
        <v>106</v>
      </c>
    </row>
    <row r="52" spans="1:11" ht="15" customHeight="1">
      <c r="A52" s="17" t="s">
        <v>101</v>
      </c>
      <c r="B52" s="17"/>
      <c r="C52" s="13">
        <v>737</v>
      </c>
      <c r="D52" s="19">
        <v>405</v>
      </c>
      <c r="E52" s="19">
        <v>332</v>
      </c>
      <c r="F52" s="19"/>
      <c r="G52" s="18" t="s">
        <v>102</v>
      </c>
      <c r="H52" s="17"/>
      <c r="I52" s="13">
        <v>141</v>
      </c>
      <c r="J52" s="19">
        <v>48</v>
      </c>
      <c r="K52" s="19">
        <v>93</v>
      </c>
    </row>
    <row r="53" spans="1:11" ht="20.100000000000001" customHeight="1">
      <c r="A53" s="17" t="s">
        <v>103</v>
      </c>
      <c r="B53" s="17"/>
      <c r="C53" s="13">
        <v>3776</v>
      </c>
      <c r="D53" s="14">
        <v>1971</v>
      </c>
      <c r="E53" s="14">
        <v>1805</v>
      </c>
      <c r="F53" s="14"/>
      <c r="G53" s="18" t="s">
        <v>104</v>
      </c>
      <c r="H53" s="17"/>
      <c r="I53" s="13">
        <v>427</v>
      </c>
      <c r="J53" s="14">
        <v>117</v>
      </c>
      <c r="K53" s="14">
        <v>310</v>
      </c>
    </row>
    <row r="54" spans="1:11" ht="15" customHeight="1">
      <c r="A54" s="17" t="s">
        <v>105</v>
      </c>
      <c r="B54" s="17"/>
      <c r="C54" s="13">
        <v>703</v>
      </c>
      <c r="D54" s="19">
        <v>359</v>
      </c>
      <c r="E54" s="19">
        <v>344</v>
      </c>
      <c r="F54" s="19"/>
      <c r="G54" s="18" t="s">
        <v>106</v>
      </c>
      <c r="H54" s="17"/>
      <c r="I54" s="13">
        <v>123</v>
      </c>
      <c r="J54" s="19">
        <v>35</v>
      </c>
      <c r="K54" s="19">
        <v>88</v>
      </c>
    </row>
    <row r="55" spans="1:11" ht="15" customHeight="1">
      <c r="A55" s="17" t="s">
        <v>107</v>
      </c>
      <c r="B55" s="17"/>
      <c r="C55" s="13">
        <v>734</v>
      </c>
      <c r="D55" s="19">
        <v>386</v>
      </c>
      <c r="E55" s="19">
        <v>348</v>
      </c>
      <c r="F55" s="19"/>
      <c r="G55" s="18" t="s">
        <v>108</v>
      </c>
      <c r="H55" s="17"/>
      <c r="I55" s="13">
        <v>98</v>
      </c>
      <c r="J55" s="19">
        <v>28</v>
      </c>
      <c r="K55" s="19">
        <v>70</v>
      </c>
    </row>
    <row r="56" spans="1:11" ht="15" customHeight="1">
      <c r="A56" s="17" t="s">
        <v>109</v>
      </c>
      <c r="B56" s="17"/>
      <c r="C56" s="13">
        <v>753</v>
      </c>
      <c r="D56" s="19">
        <v>392</v>
      </c>
      <c r="E56" s="19">
        <v>361</v>
      </c>
      <c r="F56" s="19"/>
      <c r="G56" s="18" t="s">
        <v>110</v>
      </c>
      <c r="H56" s="17"/>
      <c r="I56" s="13">
        <v>71</v>
      </c>
      <c r="J56" s="19">
        <v>18</v>
      </c>
      <c r="K56" s="19">
        <v>53</v>
      </c>
    </row>
    <row r="57" spans="1:11" ht="15" customHeight="1">
      <c r="A57" s="17" t="s">
        <v>111</v>
      </c>
      <c r="B57" s="17"/>
      <c r="C57" s="13">
        <v>725</v>
      </c>
      <c r="D57" s="19">
        <v>386</v>
      </c>
      <c r="E57" s="19">
        <v>339</v>
      </c>
      <c r="F57" s="19"/>
      <c r="G57" s="18" t="s">
        <v>112</v>
      </c>
      <c r="H57" s="17"/>
      <c r="I57" s="13">
        <v>71</v>
      </c>
      <c r="J57" s="19">
        <v>22</v>
      </c>
      <c r="K57" s="19">
        <v>49</v>
      </c>
    </row>
    <row r="58" spans="1:11" ht="15" customHeight="1">
      <c r="A58" s="17" t="s">
        <v>113</v>
      </c>
      <c r="B58" s="17"/>
      <c r="C58" s="13">
        <v>861</v>
      </c>
      <c r="D58" s="19">
        <v>448</v>
      </c>
      <c r="E58" s="19">
        <v>413</v>
      </c>
      <c r="F58" s="19"/>
      <c r="G58" s="18" t="s">
        <v>114</v>
      </c>
      <c r="H58" s="17"/>
      <c r="I58" s="13">
        <v>64</v>
      </c>
      <c r="J58" s="19">
        <v>14</v>
      </c>
      <c r="K58" s="19">
        <v>50</v>
      </c>
    </row>
    <row r="59" spans="1:11" ht="20.100000000000001" customHeight="1">
      <c r="A59" s="17" t="s">
        <v>115</v>
      </c>
      <c r="B59" s="17"/>
      <c r="C59" s="13">
        <v>3815</v>
      </c>
      <c r="D59" s="14">
        <v>2061</v>
      </c>
      <c r="E59" s="14">
        <v>1754</v>
      </c>
      <c r="F59" s="14"/>
      <c r="G59" s="18" t="s">
        <v>116</v>
      </c>
      <c r="H59" s="17"/>
      <c r="I59" s="13">
        <v>110</v>
      </c>
      <c r="J59" s="14">
        <v>14</v>
      </c>
      <c r="K59" s="14">
        <v>96</v>
      </c>
    </row>
    <row r="60" spans="1:11" ht="15" customHeight="1">
      <c r="A60" s="17" t="s">
        <v>117</v>
      </c>
      <c r="B60" s="17"/>
      <c r="C60" s="13">
        <v>803</v>
      </c>
      <c r="D60" s="19">
        <v>439</v>
      </c>
      <c r="E60" s="19">
        <v>364</v>
      </c>
      <c r="F60" s="19"/>
      <c r="G60" s="18" t="s">
        <v>118</v>
      </c>
      <c r="H60" s="17"/>
      <c r="I60" s="13">
        <v>26</v>
      </c>
      <c r="J60" s="19">
        <v>3</v>
      </c>
      <c r="K60" s="19">
        <v>23</v>
      </c>
    </row>
    <row r="61" spans="1:11" ht="15" customHeight="1">
      <c r="A61" s="17" t="s">
        <v>119</v>
      </c>
      <c r="B61" s="17"/>
      <c r="C61" s="13">
        <v>781</v>
      </c>
      <c r="D61" s="19">
        <v>420</v>
      </c>
      <c r="E61" s="19">
        <v>361</v>
      </c>
      <c r="F61" s="19"/>
      <c r="G61" s="18" t="s">
        <v>120</v>
      </c>
      <c r="H61" s="17"/>
      <c r="I61" s="13">
        <v>34</v>
      </c>
      <c r="J61" s="19">
        <v>3</v>
      </c>
      <c r="K61" s="19">
        <v>31</v>
      </c>
    </row>
    <row r="62" spans="1:11" ht="15" customHeight="1">
      <c r="A62" s="17" t="s">
        <v>121</v>
      </c>
      <c r="B62" s="17"/>
      <c r="C62" s="13">
        <v>795</v>
      </c>
      <c r="D62" s="19">
        <v>433</v>
      </c>
      <c r="E62" s="19">
        <v>362</v>
      </c>
      <c r="F62" s="19"/>
      <c r="G62" s="18" t="s">
        <v>122</v>
      </c>
      <c r="H62" s="17"/>
      <c r="I62" s="13">
        <v>16</v>
      </c>
      <c r="J62" s="19">
        <v>3</v>
      </c>
      <c r="K62" s="19">
        <v>13</v>
      </c>
    </row>
    <row r="63" spans="1:11" ht="15" customHeight="1">
      <c r="A63" s="17" t="s">
        <v>123</v>
      </c>
      <c r="B63" s="17"/>
      <c r="C63" s="13">
        <v>779</v>
      </c>
      <c r="D63" s="19">
        <v>426</v>
      </c>
      <c r="E63" s="19">
        <v>353</v>
      </c>
      <c r="F63" s="19"/>
      <c r="G63" s="18" t="s">
        <v>124</v>
      </c>
      <c r="H63" s="17"/>
      <c r="I63" s="13">
        <v>29</v>
      </c>
      <c r="J63" s="19">
        <v>5</v>
      </c>
      <c r="K63" s="19">
        <v>24</v>
      </c>
    </row>
    <row r="64" spans="1:11" ht="15" customHeight="1">
      <c r="A64" s="17" t="s">
        <v>125</v>
      </c>
      <c r="B64" s="17"/>
      <c r="C64" s="13">
        <v>657</v>
      </c>
      <c r="D64" s="19">
        <v>343</v>
      </c>
      <c r="E64" s="19">
        <v>314</v>
      </c>
      <c r="F64" s="19"/>
      <c r="G64" s="18" t="s">
        <v>126</v>
      </c>
      <c r="H64" s="17"/>
      <c r="I64" s="13">
        <v>5</v>
      </c>
      <c r="J64" s="19">
        <v>0</v>
      </c>
      <c r="K64" s="19">
        <v>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2</v>
      </c>
      <c r="J65" s="19">
        <v>3</v>
      </c>
      <c r="K65" s="19">
        <v>2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07</v>
      </c>
      <c r="J66" s="29">
        <v>74</v>
      </c>
      <c r="K66" s="29">
        <v>33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3" pageOrder="overThenDown" orientation="portrait" blackAndWhite="1" useFirstPageNumber="1" horizontalDpi="300" verticalDpi="300"/>
  <headerFooter scaleWithDoc="0"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2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412</v>
      </c>
      <c r="D4" s="14">
        <v>15337</v>
      </c>
      <c r="E4" s="14">
        <v>1607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06</v>
      </c>
      <c r="D5" s="14">
        <v>539</v>
      </c>
      <c r="E5" s="14">
        <v>467</v>
      </c>
      <c r="F5" s="14"/>
      <c r="G5" s="18" t="s">
        <v>8</v>
      </c>
      <c r="H5" s="17"/>
      <c r="I5" s="13">
        <v>2118</v>
      </c>
      <c r="J5" s="14">
        <v>1102</v>
      </c>
      <c r="K5" s="14">
        <v>1016</v>
      </c>
    </row>
    <row r="6" spans="1:11" ht="15" customHeight="1">
      <c r="A6" s="17" t="s">
        <v>9</v>
      </c>
      <c r="B6" s="17"/>
      <c r="C6" s="13">
        <v>172</v>
      </c>
      <c r="D6" s="19">
        <v>85</v>
      </c>
      <c r="E6" s="19">
        <v>87</v>
      </c>
      <c r="F6" s="19"/>
      <c r="G6" s="18" t="s">
        <v>10</v>
      </c>
      <c r="H6" s="17"/>
      <c r="I6" s="13">
        <v>470</v>
      </c>
      <c r="J6" s="19">
        <v>239</v>
      </c>
      <c r="K6" s="19">
        <v>231</v>
      </c>
    </row>
    <row r="7" spans="1:11" ht="15" customHeight="1">
      <c r="A7" s="17" t="s">
        <v>11</v>
      </c>
      <c r="B7" s="17"/>
      <c r="C7" s="13">
        <v>222</v>
      </c>
      <c r="D7" s="19">
        <v>125</v>
      </c>
      <c r="E7" s="19">
        <v>97</v>
      </c>
      <c r="F7" s="19"/>
      <c r="G7" s="18" t="s">
        <v>12</v>
      </c>
      <c r="H7" s="17"/>
      <c r="I7" s="13">
        <v>489</v>
      </c>
      <c r="J7" s="19">
        <v>250</v>
      </c>
      <c r="K7" s="19">
        <v>239</v>
      </c>
    </row>
    <row r="8" spans="1:11" ht="15" customHeight="1">
      <c r="A8" s="17" t="s">
        <v>13</v>
      </c>
      <c r="B8" s="17"/>
      <c r="C8" s="13">
        <v>206</v>
      </c>
      <c r="D8" s="19">
        <v>112</v>
      </c>
      <c r="E8" s="19">
        <v>94</v>
      </c>
      <c r="F8" s="19"/>
      <c r="G8" s="18" t="s">
        <v>14</v>
      </c>
      <c r="H8" s="17"/>
      <c r="I8" s="13">
        <v>348</v>
      </c>
      <c r="J8" s="19">
        <v>187</v>
      </c>
      <c r="K8" s="19">
        <v>161</v>
      </c>
    </row>
    <row r="9" spans="1:11" ht="15" customHeight="1">
      <c r="A9" s="17" t="s">
        <v>15</v>
      </c>
      <c r="B9" s="17"/>
      <c r="C9" s="13">
        <v>203</v>
      </c>
      <c r="D9" s="19">
        <v>111</v>
      </c>
      <c r="E9" s="19">
        <v>92</v>
      </c>
      <c r="F9" s="19"/>
      <c r="G9" s="18" t="s">
        <v>16</v>
      </c>
      <c r="H9" s="17"/>
      <c r="I9" s="13">
        <v>420</v>
      </c>
      <c r="J9" s="19">
        <v>225</v>
      </c>
      <c r="K9" s="19">
        <v>195</v>
      </c>
    </row>
    <row r="10" spans="1:11" ht="15" customHeight="1">
      <c r="A10" s="17" t="s">
        <v>17</v>
      </c>
      <c r="B10" s="17"/>
      <c r="C10" s="13">
        <v>203</v>
      </c>
      <c r="D10" s="19">
        <v>106</v>
      </c>
      <c r="E10" s="19">
        <v>97</v>
      </c>
      <c r="F10" s="19"/>
      <c r="G10" s="18" t="s">
        <v>18</v>
      </c>
      <c r="H10" s="17"/>
      <c r="I10" s="13">
        <v>391</v>
      </c>
      <c r="J10" s="19">
        <v>201</v>
      </c>
      <c r="K10" s="19">
        <v>190</v>
      </c>
    </row>
    <row r="11" spans="1:11" ht="20.100000000000001" customHeight="1">
      <c r="A11" s="17" t="s">
        <v>19</v>
      </c>
      <c r="B11" s="17"/>
      <c r="C11" s="13">
        <v>1179</v>
      </c>
      <c r="D11" s="14">
        <v>578</v>
      </c>
      <c r="E11" s="14">
        <v>601</v>
      </c>
      <c r="F11" s="14"/>
      <c r="G11" s="18" t="s">
        <v>20</v>
      </c>
      <c r="H11" s="17"/>
      <c r="I11" s="13">
        <v>1869</v>
      </c>
      <c r="J11" s="14">
        <v>940</v>
      </c>
      <c r="K11" s="14">
        <v>929</v>
      </c>
    </row>
    <row r="12" spans="1:11" ht="15" customHeight="1">
      <c r="A12" s="17" t="s">
        <v>21</v>
      </c>
      <c r="B12" s="17"/>
      <c r="C12" s="13">
        <v>219</v>
      </c>
      <c r="D12" s="19">
        <v>102</v>
      </c>
      <c r="E12" s="19">
        <v>117</v>
      </c>
      <c r="F12" s="19"/>
      <c r="G12" s="18" t="s">
        <v>22</v>
      </c>
      <c r="H12" s="17"/>
      <c r="I12" s="13">
        <v>392</v>
      </c>
      <c r="J12" s="19">
        <v>211</v>
      </c>
      <c r="K12" s="19">
        <v>181</v>
      </c>
    </row>
    <row r="13" spans="1:11" ht="15" customHeight="1">
      <c r="A13" s="17" t="s">
        <v>23</v>
      </c>
      <c r="B13" s="17"/>
      <c r="C13" s="13">
        <v>226</v>
      </c>
      <c r="D13" s="19">
        <v>103</v>
      </c>
      <c r="E13" s="19">
        <v>123</v>
      </c>
      <c r="F13" s="19"/>
      <c r="G13" s="18" t="s">
        <v>24</v>
      </c>
      <c r="H13" s="17"/>
      <c r="I13" s="13">
        <v>386</v>
      </c>
      <c r="J13" s="19">
        <v>196</v>
      </c>
      <c r="K13" s="19">
        <v>190</v>
      </c>
    </row>
    <row r="14" spans="1:11" ht="15" customHeight="1">
      <c r="A14" s="17" t="s">
        <v>25</v>
      </c>
      <c r="B14" s="17"/>
      <c r="C14" s="13">
        <v>249</v>
      </c>
      <c r="D14" s="19">
        <v>129</v>
      </c>
      <c r="E14" s="19">
        <v>120</v>
      </c>
      <c r="F14" s="19"/>
      <c r="G14" s="18" t="s">
        <v>26</v>
      </c>
      <c r="H14" s="17"/>
      <c r="I14" s="13">
        <v>344</v>
      </c>
      <c r="J14" s="19">
        <v>175</v>
      </c>
      <c r="K14" s="19">
        <v>169</v>
      </c>
    </row>
    <row r="15" spans="1:11" ht="15" customHeight="1">
      <c r="A15" s="17" t="s">
        <v>27</v>
      </c>
      <c r="B15" s="17"/>
      <c r="C15" s="13">
        <v>267</v>
      </c>
      <c r="D15" s="19">
        <v>138</v>
      </c>
      <c r="E15" s="19">
        <v>129</v>
      </c>
      <c r="F15" s="19"/>
      <c r="G15" s="18" t="s">
        <v>28</v>
      </c>
      <c r="H15" s="17"/>
      <c r="I15" s="13">
        <v>355</v>
      </c>
      <c r="J15" s="19">
        <v>181</v>
      </c>
      <c r="K15" s="19">
        <v>174</v>
      </c>
    </row>
    <row r="16" spans="1:11" ht="15" customHeight="1">
      <c r="A16" s="17" t="s">
        <v>29</v>
      </c>
      <c r="B16" s="17"/>
      <c r="C16" s="13">
        <v>218</v>
      </c>
      <c r="D16" s="19">
        <v>106</v>
      </c>
      <c r="E16" s="19">
        <v>112</v>
      </c>
      <c r="F16" s="19"/>
      <c r="G16" s="18" t="s">
        <v>30</v>
      </c>
      <c r="H16" s="17"/>
      <c r="I16" s="13">
        <v>392</v>
      </c>
      <c r="J16" s="19">
        <v>177</v>
      </c>
      <c r="K16" s="19">
        <v>215</v>
      </c>
    </row>
    <row r="17" spans="1:11" ht="20.100000000000001" customHeight="1">
      <c r="A17" s="20" t="s">
        <v>31</v>
      </c>
      <c r="B17" s="20"/>
      <c r="C17" s="13">
        <v>1313</v>
      </c>
      <c r="D17" s="14">
        <v>674</v>
      </c>
      <c r="E17" s="14">
        <v>639</v>
      </c>
      <c r="F17" s="14"/>
      <c r="G17" s="18" t="s">
        <v>32</v>
      </c>
      <c r="H17" s="17"/>
      <c r="I17" s="13">
        <v>1915</v>
      </c>
      <c r="J17" s="14">
        <v>938</v>
      </c>
      <c r="K17" s="14">
        <v>977</v>
      </c>
    </row>
    <row r="18" spans="1:11" ht="15" customHeight="1">
      <c r="A18" s="17" t="s">
        <v>33</v>
      </c>
      <c r="B18" s="17"/>
      <c r="C18" s="13">
        <v>270</v>
      </c>
      <c r="D18" s="19">
        <v>135</v>
      </c>
      <c r="E18" s="19">
        <v>135</v>
      </c>
      <c r="F18" s="19"/>
      <c r="G18" s="18" t="s">
        <v>34</v>
      </c>
      <c r="H18" s="17"/>
      <c r="I18" s="13">
        <v>376</v>
      </c>
      <c r="J18" s="19">
        <v>187</v>
      </c>
      <c r="K18" s="19">
        <v>189</v>
      </c>
    </row>
    <row r="19" spans="1:11" ht="15" customHeight="1">
      <c r="A19" s="17" t="s">
        <v>35</v>
      </c>
      <c r="B19" s="17"/>
      <c r="C19" s="13">
        <v>262</v>
      </c>
      <c r="D19" s="19">
        <v>149</v>
      </c>
      <c r="E19" s="19">
        <v>113</v>
      </c>
      <c r="F19" s="19"/>
      <c r="G19" s="18" t="s">
        <v>36</v>
      </c>
      <c r="H19" s="17"/>
      <c r="I19" s="13">
        <v>370</v>
      </c>
      <c r="J19" s="19">
        <v>173</v>
      </c>
      <c r="K19" s="19">
        <v>197</v>
      </c>
    </row>
    <row r="20" spans="1:11" ht="15" customHeight="1">
      <c r="A20" s="17" t="s">
        <v>37</v>
      </c>
      <c r="B20" s="17"/>
      <c r="C20" s="13">
        <v>250</v>
      </c>
      <c r="D20" s="19">
        <v>136</v>
      </c>
      <c r="E20" s="19">
        <v>114</v>
      </c>
      <c r="F20" s="19"/>
      <c r="G20" s="18" t="s">
        <v>38</v>
      </c>
      <c r="H20" s="17"/>
      <c r="I20" s="13">
        <v>396</v>
      </c>
      <c r="J20" s="19">
        <v>196</v>
      </c>
      <c r="K20" s="19">
        <v>200</v>
      </c>
    </row>
    <row r="21" spans="1:11" ht="15" customHeight="1">
      <c r="A21" s="17" t="s">
        <v>39</v>
      </c>
      <c r="B21" s="17"/>
      <c r="C21" s="13">
        <v>268</v>
      </c>
      <c r="D21" s="19">
        <v>116</v>
      </c>
      <c r="E21" s="19">
        <v>152</v>
      </c>
      <c r="F21" s="19"/>
      <c r="G21" s="18" t="s">
        <v>40</v>
      </c>
      <c r="H21" s="17"/>
      <c r="I21" s="13">
        <v>391</v>
      </c>
      <c r="J21" s="19">
        <v>187</v>
      </c>
      <c r="K21" s="19">
        <v>204</v>
      </c>
    </row>
    <row r="22" spans="1:11" ht="15" customHeight="1">
      <c r="A22" s="17" t="s">
        <v>41</v>
      </c>
      <c r="B22" s="17"/>
      <c r="C22" s="13">
        <v>263</v>
      </c>
      <c r="D22" s="19">
        <v>138</v>
      </c>
      <c r="E22" s="19">
        <v>125</v>
      </c>
      <c r="F22" s="19"/>
      <c r="G22" s="18" t="s">
        <v>42</v>
      </c>
      <c r="H22" s="17"/>
      <c r="I22" s="13">
        <v>382</v>
      </c>
      <c r="J22" s="19">
        <v>195</v>
      </c>
      <c r="K22" s="19">
        <v>187</v>
      </c>
    </row>
    <row r="23" spans="1:11" ht="20.100000000000001" customHeight="1">
      <c r="A23" s="17" t="s">
        <v>43</v>
      </c>
      <c r="B23" s="17"/>
      <c r="C23" s="13">
        <v>1375</v>
      </c>
      <c r="D23" s="14">
        <v>716</v>
      </c>
      <c r="E23" s="14">
        <v>659</v>
      </c>
      <c r="F23" s="14"/>
      <c r="G23" s="18" t="s">
        <v>44</v>
      </c>
      <c r="H23" s="17"/>
      <c r="I23" s="13">
        <v>2587</v>
      </c>
      <c r="J23" s="14">
        <v>1208</v>
      </c>
      <c r="K23" s="14">
        <v>1379</v>
      </c>
    </row>
    <row r="24" spans="1:11" ht="15" customHeight="1">
      <c r="A24" s="17" t="s">
        <v>45</v>
      </c>
      <c r="B24" s="17"/>
      <c r="C24" s="13">
        <v>280</v>
      </c>
      <c r="D24" s="19">
        <v>145</v>
      </c>
      <c r="E24" s="19">
        <v>135</v>
      </c>
      <c r="F24" s="19"/>
      <c r="G24" s="18" t="s">
        <v>46</v>
      </c>
      <c r="H24" s="17"/>
      <c r="I24" s="13">
        <v>426</v>
      </c>
      <c r="J24" s="19">
        <v>181</v>
      </c>
      <c r="K24" s="19">
        <v>245</v>
      </c>
    </row>
    <row r="25" spans="1:11" ht="15" customHeight="1">
      <c r="A25" s="17" t="s">
        <v>47</v>
      </c>
      <c r="B25" s="17"/>
      <c r="C25" s="13">
        <v>280</v>
      </c>
      <c r="D25" s="19">
        <v>145</v>
      </c>
      <c r="E25" s="19">
        <v>135</v>
      </c>
      <c r="F25" s="19"/>
      <c r="G25" s="18" t="s">
        <v>48</v>
      </c>
      <c r="H25" s="17"/>
      <c r="I25" s="13">
        <v>484</v>
      </c>
      <c r="J25" s="19">
        <v>212</v>
      </c>
      <c r="K25" s="19">
        <v>272</v>
      </c>
    </row>
    <row r="26" spans="1:11" ht="15" customHeight="1">
      <c r="A26" s="17" t="s">
        <v>49</v>
      </c>
      <c r="B26" s="17"/>
      <c r="C26" s="13">
        <v>274</v>
      </c>
      <c r="D26" s="19">
        <v>151</v>
      </c>
      <c r="E26" s="19">
        <v>123</v>
      </c>
      <c r="F26" s="19"/>
      <c r="G26" s="18" t="s">
        <v>50</v>
      </c>
      <c r="H26" s="17"/>
      <c r="I26" s="13">
        <v>493</v>
      </c>
      <c r="J26" s="19">
        <v>249</v>
      </c>
      <c r="K26" s="19">
        <v>244</v>
      </c>
    </row>
    <row r="27" spans="1:11" ht="15" customHeight="1">
      <c r="A27" s="17" t="s">
        <v>51</v>
      </c>
      <c r="B27" s="17"/>
      <c r="C27" s="13">
        <v>290</v>
      </c>
      <c r="D27" s="19">
        <v>154</v>
      </c>
      <c r="E27" s="19">
        <v>136</v>
      </c>
      <c r="F27" s="19"/>
      <c r="G27" s="18" t="s">
        <v>52</v>
      </c>
      <c r="H27" s="17"/>
      <c r="I27" s="13">
        <v>546</v>
      </c>
      <c r="J27" s="19">
        <v>261</v>
      </c>
      <c r="K27" s="19">
        <v>285</v>
      </c>
    </row>
    <row r="28" spans="1:11" ht="15" customHeight="1">
      <c r="A28" s="17" t="s">
        <v>53</v>
      </c>
      <c r="B28" s="17"/>
      <c r="C28" s="13">
        <v>251</v>
      </c>
      <c r="D28" s="19">
        <v>121</v>
      </c>
      <c r="E28" s="19">
        <v>130</v>
      </c>
      <c r="F28" s="19"/>
      <c r="G28" s="18" t="s">
        <v>54</v>
      </c>
      <c r="H28" s="17"/>
      <c r="I28" s="13">
        <v>638</v>
      </c>
      <c r="J28" s="19">
        <v>305</v>
      </c>
      <c r="K28" s="19">
        <v>333</v>
      </c>
    </row>
    <row r="29" spans="1:11" ht="20.100000000000001" customHeight="1">
      <c r="A29" s="17" t="s">
        <v>55</v>
      </c>
      <c r="B29" s="17"/>
      <c r="C29" s="13">
        <v>1183</v>
      </c>
      <c r="D29" s="14">
        <v>626</v>
      </c>
      <c r="E29" s="14">
        <v>557</v>
      </c>
      <c r="F29" s="14"/>
      <c r="G29" s="18" t="s">
        <v>56</v>
      </c>
      <c r="H29" s="17"/>
      <c r="I29" s="13">
        <v>2707</v>
      </c>
      <c r="J29" s="14">
        <v>1273</v>
      </c>
      <c r="K29" s="14">
        <v>1434</v>
      </c>
    </row>
    <row r="30" spans="1:11" ht="15" customHeight="1">
      <c r="A30" s="17" t="s">
        <v>57</v>
      </c>
      <c r="B30" s="17"/>
      <c r="C30" s="13">
        <v>275</v>
      </c>
      <c r="D30" s="19">
        <v>137</v>
      </c>
      <c r="E30" s="19">
        <v>138</v>
      </c>
      <c r="F30" s="19"/>
      <c r="G30" s="18" t="s">
        <v>58</v>
      </c>
      <c r="H30" s="17"/>
      <c r="I30" s="13">
        <v>660</v>
      </c>
      <c r="J30" s="19">
        <v>292</v>
      </c>
      <c r="K30" s="19">
        <v>368</v>
      </c>
    </row>
    <row r="31" spans="1:11" ht="15" customHeight="1">
      <c r="A31" s="17" t="s">
        <v>59</v>
      </c>
      <c r="B31" s="17"/>
      <c r="C31" s="13">
        <v>252</v>
      </c>
      <c r="D31" s="19">
        <v>140</v>
      </c>
      <c r="E31" s="19">
        <v>112</v>
      </c>
      <c r="F31" s="19"/>
      <c r="G31" s="18" t="s">
        <v>60</v>
      </c>
      <c r="H31" s="17"/>
      <c r="I31" s="13">
        <v>698</v>
      </c>
      <c r="J31" s="19">
        <v>338</v>
      </c>
      <c r="K31" s="19">
        <v>360</v>
      </c>
    </row>
    <row r="32" spans="1:11" ht="15" customHeight="1">
      <c r="A32" s="17" t="s">
        <v>61</v>
      </c>
      <c r="B32" s="17"/>
      <c r="C32" s="13">
        <v>223</v>
      </c>
      <c r="D32" s="19">
        <v>111</v>
      </c>
      <c r="E32" s="19">
        <v>112</v>
      </c>
      <c r="F32" s="19"/>
      <c r="G32" s="18" t="s">
        <v>62</v>
      </c>
      <c r="H32" s="17"/>
      <c r="I32" s="13">
        <v>479</v>
      </c>
      <c r="J32" s="19">
        <v>241</v>
      </c>
      <c r="K32" s="19">
        <v>238</v>
      </c>
    </row>
    <row r="33" spans="1:11" ht="15" customHeight="1">
      <c r="A33" s="17" t="s">
        <v>63</v>
      </c>
      <c r="B33" s="17"/>
      <c r="C33" s="13">
        <v>188</v>
      </c>
      <c r="D33" s="19">
        <v>99</v>
      </c>
      <c r="E33" s="19">
        <v>89</v>
      </c>
      <c r="F33" s="19"/>
      <c r="G33" s="18" t="s">
        <v>64</v>
      </c>
      <c r="H33" s="17"/>
      <c r="I33" s="13">
        <v>408</v>
      </c>
      <c r="J33" s="19">
        <v>184</v>
      </c>
      <c r="K33" s="19">
        <v>224</v>
      </c>
    </row>
    <row r="34" spans="1:11" ht="15" customHeight="1">
      <c r="A34" s="17" t="s">
        <v>65</v>
      </c>
      <c r="B34" s="17"/>
      <c r="C34" s="13">
        <v>245</v>
      </c>
      <c r="D34" s="19">
        <v>139</v>
      </c>
      <c r="E34" s="19">
        <v>106</v>
      </c>
      <c r="F34" s="19"/>
      <c r="G34" s="18" t="s">
        <v>66</v>
      </c>
      <c r="H34" s="17"/>
      <c r="I34" s="13">
        <v>462</v>
      </c>
      <c r="J34" s="19">
        <v>218</v>
      </c>
      <c r="K34" s="19">
        <v>244</v>
      </c>
    </row>
    <row r="35" spans="1:11" ht="20.100000000000001" customHeight="1">
      <c r="A35" s="17" t="s">
        <v>67</v>
      </c>
      <c r="B35" s="17"/>
      <c r="C35" s="13">
        <v>936</v>
      </c>
      <c r="D35" s="14">
        <v>446</v>
      </c>
      <c r="E35" s="14">
        <v>490</v>
      </c>
      <c r="F35" s="14"/>
      <c r="G35" s="18" t="s">
        <v>68</v>
      </c>
      <c r="H35" s="17"/>
      <c r="I35" s="13">
        <v>2256</v>
      </c>
      <c r="J35" s="14">
        <v>1108</v>
      </c>
      <c r="K35" s="14">
        <v>1148</v>
      </c>
    </row>
    <row r="36" spans="1:11" ht="15" customHeight="1">
      <c r="A36" s="17" t="s">
        <v>69</v>
      </c>
      <c r="B36" s="17"/>
      <c r="C36" s="13">
        <v>195</v>
      </c>
      <c r="D36" s="19">
        <v>93</v>
      </c>
      <c r="E36" s="19">
        <v>102</v>
      </c>
      <c r="F36" s="19"/>
      <c r="G36" s="18" t="s">
        <v>70</v>
      </c>
      <c r="H36" s="17"/>
      <c r="I36" s="13">
        <v>505</v>
      </c>
      <c r="J36" s="19">
        <v>230</v>
      </c>
      <c r="K36" s="19">
        <v>275</v>
      </c>
    </row>
    <row r="37" spans="1:11" ht="15" customHeight="1">
      <c r="A37" s="17" t="s">
        <v>71</v>
      </c>
      <c r="B37" s="17"/>
      <c r="C37" s="13">
        <v>178</v>
      </c>
      <c r="D37" s="19">
        <v>81</v>
      </c>
      <c r="E37" s="19">
        <v>97</v>
      </c>
      <c r="F37" s="19"/>
      <c r="G37" s="18" t="s">
        <v>72</v>
      </c>
      <c r="H37" s="17"/>
      <c r="I37" s="13">
        <v>512</v>
      </c>
      <c r="J37" s="19">
        <v>270</v>
      </c>
      <c r="K37" s="19">
        <v>242</v>
      </c>
    </row>
    <row r="38" spans="1:11" ht="15" customHeight="1">
      <c r="A38" s="17" t="s">
        <v>73</v>
      </c>
      <c r="B38" s="17"/>
      <c r="C38" s="13">
        <v>190</v>
      </c>
      <c r="D38" s="19">
        <v>92</v>
      </c>
      <c r="E38" s="19">
        <v>98</v>
      </c>
      <c r="F38" s="19"/>
      <c r="G38" s="18" t="s">
        <v>74</v>
      </c>
      <c r="H38" s="17"/>
      <c r="I38" s="13">
        <v>475</v>
      </c>
      <c r="J38" s="19">
        <v>236</v>
      </c>
      <c r="K38" s="19">
        <v>239</v>
      </c>
    </row>
    <row r="39" spans="1:11" ht="15" customHeight="1">
      <c r="A39" s="17" t="s">
        <v>75</v>
      </c>
      <c r="B39" s="17"/>
      <c r="C39" s="13">
        <v>166</v>
      </c>
      <c r="D39" s="19">
        <v>84</v>
      </c>
      <c r="E39" s="19">
        <v>82</v>
      </c>
      <c r="F39" s="19"/>
      <c r="G39" s="18" t="s">
        <v>76</v>
      </c>
      <c r="H39" s="17"/>
      <c r="I39" s="13">
        <v>405</v>
      </c>
      <c r="J39" s="19">
        <v>196</v>
      </c>
      <c r="K39" s="19">
        <v>209</v>
      </c>
    </row>
    <row r="40" spans="1:11" ht="15" customHeight="1">
      <c r="A40" s="17" t="s">
        <v>77</v>
      </c>
      <c r="B40" s="17"/>
      <c r="C40" s="13">
        <v>207</v>
      </c>
      <c r="D40" s="19">
        <v>96</v>
      </c>
      <c r="E40" s="19">
        <v>111</v>
      </c>
      <c r="F40" s="19"/>
      <c r="G40" s="18" t="s">
        <v>78</v>
      </c>
      <c r="H40" s="17"/>
      <c r="I40" s="13">
        <v>359</v>
      </c>
      <c r="J40" s="19">
        <v>176</v>
      </c>
      <c r="K40" s="19">
        <v>183</v>
      </c>
    </row>
    <row r="41" spans="1:11" ht="20.100000000000001" customHeight="1">
      <c r="A41" s="17" t="s">
        <v>79</v>
      </c>
      <c r="B41" s="17"/>
      <c r="C41" s="13">
        <v>1184</v>
      </c>
      <c r="D41" s="14">
        <v>569</v>
      </c>
      <c r="E41" s="14">
        <v>615</v>
      </c>
      <c r="F41" s="14"/>
      <c r="G41" s="18" t="s">
        <v>80</v>
      </c>
      <c r="H41" s="17"/>
      <c r="I41" s="13">
        <v>1520</v>
      </c>
      <c r="J41" s="14">
        <v>653</v>
      </c>
      <c r="K41" s="14">
        <v>867</v>
      </c>
    </row>
    <row r="42" spans="1:11" ht="15" customHeight="1">
      <c r="A42" s="17" t="s">
        <v>81</v>
      </c>
      <c r="B42" s="17"/>
      <c r="C42" s="13">
        <v>195</v>
      </c>
      <c r="D42" s="19">
        <v>78</v>
      </c>
      <c r="E42" s="19">
        <v>117</v>
      </c>
      <c r="F42" s="19"/>
      <c r="G42" s="18" t="s">
        <v>82</v>
      </c>
      <c r="H42" s="17"/>
      <c r="I42" s="13">
        <v>336</v>
      </c>
      <c r="J42" s="19">
        <v>161</v>
      </c>
      <c r="K42" s="19">
        <v>175</v>
      </c>
    </row>
    <row r="43" spans="1:11" ht="15" customHeight="1">
      <c r="A43" s="17" t="s">
        <v>83</v>
      </c>
      <c r="B43" s="17"/>
      <c r="C43" s="13">
        <v>209</v>
      </c>
      <c r="D43" s="19">
        <v>97</v>
      </c>
      <c r="E43" s="19">
        <v>112</v>
      </c>
      <c r="F43" s="19"/>
      <c r="G43" s="18" t="s">
        <v>84</v>
      </c>
      <c r="H43" s="17"/>
      <c r="I43" s="13">
        <v>349</v>
      </c>
      <c r="J43" s="19">
        <v>159</v>
      </c>
      <c r="K43" s="19">
        <v>190</v>
      </c>
    </row>
    <row r="44" spans="1:11" ht="15" customHeight="1">
      <c r="A44" s="17" t="s">
        <v>85</v>
      </c>
      <c r="B44" s="17"/>
      <c r="C44" s="13">
        <v>233</v>
      </c>
      <c r="D44" s="19">
        <v>123</v>
      </c>
      <c r="E44" s="19">
        <v>110</v>
      </c>
      <c r="F44" s="19"/>
      <c r="G44" s="18" t="s">
        <v>86</v>
      </c>
      <c r="H44" s="17"/>
      <c r="I44" s="13">
        <v>306</v>
      </c>
      <c r="J44" s="19">
        <v>123</v>
      </c>
      <c r="K44" s="19">
        <v>183</v>
      </c>
    </row>
    <row r="45" spans="1:11" ht="15" customHeight="1">
      <c r="A45" s="17" t="s">
        <v>87</v>
      </c>
      <c r="B45" s="17"/>
      <c r="C45" s="13">
        <v>249</v>
      </c>
      <c r="D45" s="19">
        <v>125</v>
      </c>
      <c r="E45" s="19">
        <v>124</v>
      </c>
      <c r="F45" s="19"/>
      <c r="G45" s="18" t="s">
        <v>88</v>
      </c>
      <c r="H45" s="17"/>
      <c r="I45" s="13">
        <v>291</v>
      </c>
      <c r="J45" s="19">
        <v>118</v>
      </c>
      <c r="K45" s="19">
        <v>173</v>
      </c>
    </row>
    <row r="46" spans="1:11" ht="15" customHeight="1">
      <c r="A46" s="17" t="s">
        <v>89</v>
      </c>
      <c r="B46" s="17"/>
      <c r="C46" s="13">
        <v>298</v>
      </c>
      <c r="D46" s="19">
        <v>146</v>
      </c>
      <c r="E46" s="19">
        <v>152</v>
      </c>
      <c r="F46" s="19"/>
      <c r="G46" s="18" t="s">
        <v>90</v>
      </c>
      <c r="H46" s="17"/>
      <c r="I46" s="13">
        <v>238</v>
      </c>
      <c r="J46" s="19">
        <v>92</v>
      </c>
      <c r="K46" s="19">
        <v>146</v>
      </c>
    </row>
    <row r="47" spans="1:11" ht="20.100000000000001" customHeight="1">
      <c r="A47" s="17" t="s">
        <v>91</v>
      </c>
      <c r="B47" s="17"/>
      <c r="C47" s="13">
        <v>1584</v>
      </c>
      <c r="D47" s="14">
        <v>799</v>
      </c>
      <c r="E47" s="14">
        <v>785</v>
      </c>
      <c r="F47" s="14"/>
      <c r="G47" s="18" t="s">
        <v>92</v>
      </c>
      <c r="H47" s="17"/>
      <c r="I47" s="13">
        <v>879</v>
      </c>
      <c r="J47" s="14">
        <v>345</v>
      </c>
      <c r="K47" s="14">
        <v>534</v>
      </c>
    </row>
    <row r="48" spans="1:11" ht="15" customHeight="1">
      <c r="A48" s="17" t="s">
        <v>93</v>
      </c>
      <c r="B48" s="17"/>
      <c r="C48" s="13">
        <v>287</v>
      </c>
      <c r="D48" s="19">
        <v>153</v>
      </c>
      <c r="E48" s="19">
        <v>134</v>
      </c>
      <c r="F48" s="19"/>
      <c r="G48" s="18" t="s">
        <v>94</v>
      </c>
      <c r="H48" s="17"/>
      <c r="I48" s="13">
        <v>239</v>
      </c>
      <c r="J48" s="19">
        <v>102</v>
      </c>
      <c r="K48" s="19">
        <v>137</v>
      </c>
    </row>
    <row r="49" spans="1:11" ht="15" customHeight="1">
      <c r="A49" s="17" t="s">
        <v>95</v>
      </c>
      <c r="B49" s="17"/>
      <c r="C49" s="13">
        <v>289</v>
      </c>
      <c r="D49" s="19">
        <v>140</v>
      </c>
      <c r="E49" s="19">
        <v>149</v>
      </c>
      <c r="F49" s="19"/>
      <c r="G49" s="18" t="s">
        <v>96</v>
      </c>
      <c r="H49" s="17"/>
      <c r="I49" s="13">
        <v>200</v>
      </c>
      <c r="J49" s="19">
        <v>85</v>
      </c>
      <c r="K49" s="19">
        <v>115</v>
      </c>
    </row>
    <row r="50" spans="1:11" ht="15" customHeight="1">
      <c r="A50" s="17" t="s">
        <v>97</v>
      </c>
      <c r="B50" s="17"/>
      <c r="C50" s="13">
        <v>344</v>
      </c>
      <c r="D50" s="19">
        <v>167</v>
      </c>
      <c r="E50" s="19">
        <v>177</v>
      </c>
      <c r="F50" s="19"/>
      <c r="G50" s="18" t="s">
        <v>98</v>
      </c>
      <c r="H50" s="17"/>
      <c r="I50" s="13">
        <v>177</v>
      </c>
      <c r="J50" s="19">
        <v>66</v>
      </c>
      <c r="K50" s="19">
        <v>111</v>
      </c>
    </row>
    <row r="51" spans="1:11" ht="15" customHeight="1">
      <c r="A51" s="17" t="s">
        <v>99</v>
      </c>
      <c r="B51" s="17"/>
      <c r="C51" s="13">
        <v>327</v>
      </c>
      <c r="D51" s="19">
        <v>169</v>
      </c>
      <c r="E51" s="19">
        <v>158</v>
      </c>
      <c r="F51" s="19"/>
      <c r="G51" s="18" t="s">
        <v>100</v>
      </c>
      <c r="H51" s="17"/>
      <c r="I51" s="13">
        <v>158</v>
      </c>
      <c r="J51" s="19">
        <v>57</v>
      </c>
      <c r="K51" s="19">
        <v>101</v>
      </c>
    </row>
    <row r="52" spans="1:11" ht="15" customHeight="1">
      <c r="A52" s="17" t="s">
        <v>101</v>
      </c>
      <c r="B52" s="17"/>
      <c r="C52" s="13">
        <v>337</v>
      </c>
      <c r="D52" s="19">
        <v>170</v>
      </c>
      <c r="E52" s="19">
        <v>167</v>
      </c>
      <c r="F52" s="19"/>
      <c r="G52" s="18" t="s">
        <v>102</v>
      </c>
      <c r="H52" s="17"/>
      <c r="I52" s="13">
        <v>105</v>
      </c>
      <c r="J52" s="19">
        <v>35</v>
      </c>
      <c r="K52" s="19">
        <v>70</v>
      </c>
    </row>
    <row r="53" spans="1:11" ht="20.100000000000001" customHeight="1">
      <c r="A53" s="17" t="s">
        <v>103</v>
      </c>
      <c r="B53" s="17"/>
      <c r="C53" s="13">
        <v>2123</v>
      </c>
      <c r="D53" s="14">
        <v>1086</v>
      </c>
      <c r="E53" s="14">
        <v>1037</v>
      </c>
      <c r="F53" s="14"/>
      <c r="G53" s="18" t="s">
        <v>104</v>
      </c>
      <c r="H53" s="17"/>
      <c r="I53" s="13">
        <v>426</v>
      </c>
      <c r="J53" s="14">
        <v>117</v>
      </c>
      <c r="K53" s="14">
        <v>309</v>
      </c>
    </row>
    <row r="54" spans="1:11" ht="15" customHeight="1">
      <c r="A54" s="17" t="s">
        <v>105</v>
      </c>
      <c r="B54" s="17"/>
      <c r="C54" s="13">
        <v>367</v>
      </c>
      <c r="D54" s="19">
        <v>193</v>
      </c>
      <c r="E54" s="19">
        <v>174</v>
      </c>
      <c r="F54" s="19"/>
      <c r="G54" s="18" t="s">
        <v>106</v>
      </c>
      <c r="H54" s="17"/>
      <c r="I54" s="13">
        <v>139</v>
      </c>
      <c r="J54" s="19">
        <v>51</v>
      </c>
      <c r="K54" s="19">
        <v>88</v>
      </c>
    </row>
    <row r="55" spans="1:11" ht="15" customHeight="1">
      <c r="A55" s="17" t="s">
        <v>107</v>
      </c>
      <c r="B55" s="17"/>
      <c r="C55" s="13">
        <v>410</v>
      </c>
      <c r="D55" s="19">
        <v>204</v>
      </c>
      <c r="E55" s="19">
        <v>206</v>
      </c>
      <c r="F55" s="19"/>
      <c r="G55" s="18" t="s">
        <v>108</v>
      </c>
      <c r="H55" s="17"/>
      <c r="I55" s="13">
        <v>97</v>
      </c>
      <c r="J55" s="19">
        <v>30</v>
      </c>
      <c r="K55" s="19">
        <v>67</v>
      </c>
    </row>
    <row r="56" spans="1:11" ht="15" customHeight="1">
      <c r="A56" s="17" t="s">
        <v>109</v>
      </c>
      <c r="B56" s="17"/>
      <c r="C56" s="13">
        <v>408</v>
      </c>
      <c r="D56" s="19">
        <v>209</v>
      </c>
      <c r="E56" s="19">
        <v>199</v>
      </c>
      <c r="F56" s="19"/>
      <c r="G56" s="18" t="s">
        <v>110</v>
      </c>
      <c r="H56" s="17"/>
      <c r="I56" s="13">
        <v>82</v>
      </c>
      <c r="J56" s="19">
        <v>21</v>
      </c>
      <c r="K56" s="19">
        <v>61</v>
      </c>
    </row>
    <row r="57" spans="1:11" ht="15" customHeight="1">
      <c r="A57" s="17" t="s">
        <v>111</v>
      </c>
      <c r="B57" s="17"/>
      <c r="C57" s="13">
        <v>438</v>
      </c>
      <c r="D57" s="19">
        <v>229</v>
      </c>
      <c r="E57" s="19">
        <v>209</v>
      </c>
      <c r="F57" s="19"/>
      <c r="G57" s="18" t="s">
        <v>112</v>
      </c>
      <c r="H57" s="17"/>
      <c r="I57" s="13">
        <v>49</v>
      </c>
      <c r="J57" s="19">
        <v>5</v>
      </c>
      <c r="K57" s="19">
        <v>44</v>
      </c>
    </row>
    <row r="58" spans="1:11" ht="15" customHeight="1">
      <c r="A58" s="17" t="s">
        <v>113</v>
      </c>
      <c r="B58" s="17"/>
      <c r="C58" s="13">
        <v>500</v>
      </c>
      <c r="D58" s="19">
        <v>251</v>
      </c>
      <c r="E58" s="19">
        <v>249</v>
      </c>
      <c r="F58" s="19"/>
      <c r="G58" s="18" t="s">
        <v>114</v>
      </c>
      <c r="H58" s="17"/>
      <c r="I58" s="13">
        <v>59</v>
      </c>
      <c r="J58" s="19">
        <v>10</v>
      </c>
      <c r="K58" s="19">
        <v>49</v>
      </c>
    </row>
    <row r="59" spans="1:11" ht="20.100000000000001" customHeight="1">
      <c r="A59" s="17" t="s">
        <v>115</v>
      </c>
      <c r="B59" s="17"/>
      <c r="C59" s="13">
        <v>2428</v>
      </c>
      <c r="D59" s="14">
        <v>1212</v>
      </c>
      <c r="E59" s="14">
        <v>1216</v>
      </c>
      <c r="F59" s="14"/>
      <c r="G59" s="18" t="s">
        <v>116</v>
      </c>
      <c r="H59" s="17"/>
      <c r="I59" s="13">
        <v>128</v>
      </c>
      <c r="J59" s="14">
        <v>14</v>
      </c>
      <c r="K59" s="14">
        <v>114</v>
      </c>
    </row>
    <row r="60" spans="1:11" ht="15" customHeight="1">
      <c r="A60" s="17" t="s">
        <v>117</v>
      </c>
      <c r="B60" s="17"/>
      <c r="C60" s="13">
        <v>484</v>
      </c>
      <c r="D60" s="19">
        <v>238</v>
      </c>
      <c r="E60" s="19">
        <v>246</v>
      </c>
      <c r="F60" s="19"/>
      <c r="G60" s="18" t="s">
        <v>118</v>
      </c>
      <c r="H60" s="17"/>
      <c r="I60" s="13">
        <v>44</v>
      </c>
      <c r="J60" s="19">
        <v>4</v>
      </c>
      <c r="K60" s="19">
        <v>40</v>
      </c>
    </row>
    <row r="61" spans="1:11" ht="15" customHeight="1">
      <c r="A61" s="17" t="s">
        <v>119</v>
      </c>
      <c r="B61" s="17"/>
      <c r="C61" s="13">
        <v>467</v>
      </c>
      <c r="D61" s="19">
        <v>237</v>
      </c>
      <c r="E61" s="19">
        <v>230</v>
      </c>
      <c r="F61" s="19"/>
      <c r="G61" s="18" t="s">
        <v>120</v>
      </c>
      <c r="H61" s="17"/>
      <c r="I61" s="13">
        <v>33</v>
      </c>
      <c r="J61" s="19">
        <v>5</v>
      </c>
      <c r="K61" s="19">
        <v>28</v>
      </c>
    </row>
    <row r="62" spans="1:11" ht="15" customHeight="1">
      <c r="A62" s="17" t="s">
        <v>121</v>
      </c>
      <c r="B62" s="17"/>
      <c r="C62" s="13">
        <v>505</v>
      </c>
      <c r="D62" s="19">
        <v>250</v>
      </c>
      <c r="E62" s="19">
        <v>255</v>
      </c>
      <c r="F62" s="19"/>
      <c r="G62" s="18" t="s">
        <v>122</v>
      </c>
      <c r="H62" s="17"/>
      <c r="I62" s="13">
        <v>23</v>
      </c>
      <c r="J62" s="19">
        <v>3</v>
      </c>
      <c r="K62" s="19">
        <v>20</v>
      </c>
    </row>
    <row r="63" spans="1:11" ht="15" customHeight="1">
      <c r="A63" s="17" t="s">
        <v>123</v>
      </c>
      <c r="B63" s="17"/>
      <c r="C63" s="13">
        <v>494</v>
      </c>
      <c r="D63" s="19">
        <v>250</v>
      </c>
      <c r="E63" s="19">
        <v>244</v>
      </c>
      <c r="F63" s="19"/>
      <c r="G63" s="18" t="s">
        <v>124</v>
      </c>
      <c r="H63" s="17"/>
      <c r="I63" s="13">
        <v>19</v>
      </c>
      <c r="J63" s="19">
        <v>0</v>
      </c>
      <c r="K63" s="19">
        <v>19</v>
      </c>
    </row>
    <row r="64" spans="1:11" ht="15" customHeight="1">
      <c r="A64" s="17" t="s">
        <v>125</v>
      </c>
      <c r="B64" s="17"/>
      <c r="C64" s="13">
        <v>478</v>
      </c>
      <c r="D64" s="19">
        <v>237</v>
      </c>
      <c r="E64" s="19">
        <v>241</v>
      </c>
      <c r="F64" s="19"/>
      <c r="G64" s="18" t="s">
        <v>126</v>
      </c>
      <c r="H64" s="17"/>
      <c r="I64" s="13">
        <v>9</v>
      </c>
      <c r="J64" s="19">
        <v>2</v>
      </c>
      <c r="K64" s="19">
        <v>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2</v>
      </c>
      <c r="J65" s="19">
        <v>6</v>
      </c>
      <c r="K65" s="19">
        <v>16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74</v>
      </c>
      <c r="J66" s="29">
        <v>388</v>
      </c>
      <c r="K66" s="29">
        <v>286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4" pageOrder="overThenDown" orientation="portrait" blackAndWhite="1" useFirstPageNumber="1" horizontalDpi="300" verticalDpi="300"/>
  <headerFooter scaleWithDoc="0"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3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897</v>
      </c>
      <c r="D4" s="14">
        <v>13452</v>
      </c>
      <c r="E4" s="14">
        <v>1444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35</v>
      </c>
      <c r="D5" s="14">
        <v>434</v>
      </c>
      <c r="E5" s="14">
        <v>401</v>
      </c>
      <c r="F5" s="14"/>
      <c r="G5" s="18" t="s">
        <v>8</v>
      </c>
      <c r="H5" s="17"/>
      <c r="I5" s="13">
        <v>2068</v>
      </c>
      <c r="J5" s="14">
        <v>1038</v>
      </c>
      <c r="K5" s="14">
        <v>1030</v>
      </c>
    </row>
    <row r="6" spans="1:11" ht="15" customHeight="1">
      <c r="A6" s="17" t="s">
        <v>9</v>
      </c>
      <c r="B6" s="17"/>
      <c r="C6" s="13">
        <v>157</v>
      </c>
      <c r="D6" s="19">
        <v>81</v>
      </c>
      <c r="E6" s="19">
        <v>76</v>
      </c>
      <c r="F6" s="19"/>
      <c r="G6" s="18" t="s">
        <v>10</v>
      </c>
      <c r="H6" s="17"/>
      <c r="I6" s="13">
        <v>443</v>
      </c>
      <c r="J6" s="19">
        <v>219</v>
      </c>
      <c r="K6" s="19">
        <v>224</v>
      </c>
    </row>
    <row r="7" spans="1:11" ht="15" customHeight="1">
      <c r="A7" s="17" t="s">
        <v>11</v>
      </c>
      <c r="B7" s="17"/>
      <c r="C7" s="13">
        <v>166</v>
      </c>
      <c r="D7" s="19">
        <v>86</v>
      </c>
      <c r="E7" s="19">
        <v>80</v>
      </c>
      <c r="F7" s="19"/>
      <c r="G7" s="18" t="s">
        <v>12</v>
      </c>
      <c r="H7" s="17"/>
      <c r="I7" s="13">
        <v>442</v>
      </c>
      <c r="J7" s="19">
        <v>237</v>
      </c>
      <c r="K7" s="19">
        <v>205</v>
      </c>
    </row>
    <row r="8" spans="1:11" ht="15" customHeight="1">
      <c r="A8" s="17" t="s">
        <v>13</v>
      </c>
      <c r="B8" s="17"/>
      <c r="C8" s="13">
        <v>195</v>
      </c>
      <c r="D8" s="19">
        <v>103</v>
      </c>
      <c r="E8" s="19">
        <v>92</v>
      </c>
      <c r="F8" s="19"/>
      <c r="G8" s="18" t="s">
        <v>14</v>
      </c>
      <c r="H8" s="17"/>
      <c r="I8" s="13">
        <v>335</v>
      </c>
      <c r="J8" s="19">
        <v>160</v>
      </c>
      <c r="K8" s="19">
        <v>175</v>
      </c>
    </row>
    <row r="9" spans="1:11" ht="15" customHeight="1">
      <c r="A9" s="17" t="s">
        <v>15</v>
      </c>
      <c r="B9" s="17"/>
      <c r="C9" s="13">
        <v>152</v>
      </c>
      <c r="D9" s="19">
        <v>75</v>
      </c>
      <c r="E9" s="19">
        <v>77</v>
      </c>
      <c r="F9" s="19"/>
      <c r="G9" s="18" t="s">
        <v>16</v>
      </c>
      <c r="H9" s="17"/>
      <c r="I9" s="13">
        <v>445</v>
      </c>
      <c r="J9" s="19">
        <v>226</v>
      </c>
      <c r="K9" s="19">
        <v>219</v>
      </c>
    </row>
    <row r="10" spans="1:11" ht="15" customHeight="1">
      <c r="A10" s="17" t="s">
        <v>17</v>
      </c>
      <c r="B10" s="17"/>
      <c r="C10" s="13">
        <v>165</v>
      </c>
      <c r="D10" s="19">
        <v>89</v>
      </c>
      <c r="E10" s="19">
        <v>76</v>
      </c>
      <c r="F10" s="19"/>
      <c r="G10" s="18" t="s">
        <v>18</v>
      </c>
      <c r="H10" s="17"/>
      <c r="I10" s="13">
        <v>403</v>
      </c>
      <c r="J10" s="19">
        <v>196</v>
      </c>
      <c r="K10" s="19">
        <v>207</v>
      </c>
    </row>
    <row r="11" spans="1:11" ht="20.100000000000001" customHeight="1">
      <c r="A11" s="17" t="s">
        <v>19</v>
      </c>
      <c r="B11" s="17"/>
      <c r="C11" s="13">
        <v>969</v>
      </c>
      <c r="D11" s="14">
        <v>481</v>
      </c>
      <c r="E11" s="14">
        <v>488</v>
      </c>
      <c r="F11" s="14"/>
      <c r="G11" s="18" t="s">
        <v>20</v>
      </c>
      <c r="H11" s="17"/>
      <c r="I11" s="13">
        <v>1753</v>
      </c>
      <c r="J11" s="14">
        <v>844</v>
      </c>
      <c r="K11" s="14">
        <v>909</v>
      </c>
    </row>
    <row r="12" spans="1:11" ht="15" customHeight="1">
      <c r="A12" s="17" t="s">
        <v>21</v>
      </c>
      <c r="B12" s="17"/>
      <c r="C12" s="13">
        <v>183</v>
      </c>
      <c r="D12" s="19">
        <v>78</v>
      </c>
      <c r="E12" s="19">
        <v>105</v>
      </c>
      <c r="F12" s="19"/>
      <c r="G12" s="18" t="s">
        <v>22</v>
      </c>
      <c r="H12" s="17"/>
      <c r="I12" s="13">
        <v>342</v>
      </c>
      <c r="J12" s="19">
        <v>159</v>
      </c>
      <c r="K12" s="19">
        <v>183</v>
      </c>
    </row>
    <row r="13" spans="1:11" ht="15" customHeight="1">
      <c r="A13" s="17" t="s">
        <v>23</v>
      </c>
      <c r="B13" s="17"/>
      <c r="C13" s="13">
        <v>180</v>
      </c>
      <c r="D13" s="19">
        <v>100</v>
      </c>
      <c r="E13" s="19">
        <v>80</v>
      </c>
      <c r="F13" s="19"/>
      <c r="G13" s="18" t="s">
        <v>24</v>
      </c>
      <c r="H13" s="17"/>
      <c r="I13" s="13">
        <v>363</v>
      </c>
      <c r="J13" s="19">
        <v>182</v>
      </c>
      <c r="K13" s="19">
        <v>181</v>
      </c>
    </row>
    <row r="14" spans="1:11" ht="15" customHeight="1">
      <c r="A14" s="17" t="s">
        <v>25</v>
      </c>
      <c r="B14" s="17"/>
      <c r="C14" s="13">
        <v>190</v>
      </c>
      <c r="D14" s="19">
        <v>90</v>
      </c>
      <c r="E14" s="19">
        <v>100</v>
      </c>
      <c r="F14" s="19"/>
      <c r="G14" s="18" t="s">
        <v>26</v>
      </c>
      <c r="H14" s="17"/>
      <c r="I14" s="13">
        <v>329</v>
      </c>
      <c r="J14" s="19">
        <v>147</v>
      </c>
      <c r="K14" s="19">
        <v>182</v>
      </c>
    </row>
    <row r="15" spans="1:11" ht="15" customHeight="1">
      <c r="A15" s="17" t="s">
        <v>27</v>
      </c>
      <c r="B15" s="17"/>
      <c r="C15" s="13">
        <v>197</v>
      </c>
      <c r="D15" s="19">
        <v>111</v>
      </c>
      <c r="E15" s="19">
        <v>86</v>
      </c>
      <c r="F15" s="19"/>
      <c r="G15" s="18" t="s">
        <v>28</v>
      </c>
      <c r="H15" s="17"/>
      <c r="I15" s="13">
        <v>356</v>
      </c>
      <c r="J15" s="19">
        <v>174</v>
      </c>
      <c r="K15" s="19">
        <v>182</v>
      </c>
    </row>
    <row r="16" spans="1:11" ht="15" customHeight="1">
      <c r="A16" s="17" t="s">
        <v>29</v>
      </c>
      <c r="B16" s="17"/>
      <c r="C16" s="13">
        <v>219</v>
      </c>
      <c r="D16" s="19">
        <v>102</v>
      </c>
      <c r="E16" s="19">
        <v>117</v>
      </c>
      <c r="F16" s="19"/>
      <c r="G16" s="18" t="s">
        <v>30</v>
      </c>
      <c r="H16" s="17"/>
      <c r="I16" s="13">
        <v>363</v>
      </c>
      <c r="J16" s="19">
        <v>182</v>
      </c>
      <c r="K16" s="19">
        <v>181</v>
      </c>
    </row>
    <row r="17" spans="1:11" ht="20.100000000000001" customHeight="1">
      <c r="A17" s="20" t="s">
        <v>31</v>
      </c>
      <c r="B17" s="20"/>
      <c r="C17" s="13">
        <v>1114</v>
      </c>
      <c r="D17" s="14">
        <v>569</v>
      </c>
      <c r="E17" s="14">
        <v>545</v>
      </c>
      <c r="F17" s="14"/>
      <c r="G17" s="18" t="s">
        <v>32</v>
      </c>
      <c r="H17" s="17"/>
      <c r="I17" s="13">
        <v>1747</v>
      </c>
      <c r="J17" s="14">
        <v>861</v>
      </c>
      <c r="K17" s="14">
        <v>886</v>
      </c>
    </row>
    <row r="18" spans="1:11" ht="15" customHeight="1">
      <c r="A18" s="17" t="s">
        <v>33</v>
      </c>
      <c r="B18" s="17"/>
      <c r="C18" s="13">
        <v>184</v>
      </c>
      <c r="D18" s="19">
        <v>99</v>
      </c>
      <c r="E18" s="19">
        <v>85</v>
      </c>
      <c r="F18" s="19"/>
      <c r="G18" s="18" t="s">
        <v>34</v>
      </c>
      <c r="H18" s="17"/>
      <c r="I18" s="13">
        <v>377</v>
      </c>
      <c r="J18" s="19">
        <v>187</v>
      </c>
      <c r="K18" s="19">
        <v>190</v>
      </c>
    </row>
    <row r="19" spans="1:11" ht="15" customHeight="1">
      <c r="A19" s="17" t="s">
        <v>35</v>
      </c>
      <c r="B19" s="17"/>
      <c r="C19" s="13">
        <v>229</v>
      </c>
      <c r="D19" s="19">
        <v>115</v>
      </c>
      <c r="E19" s="19">
        <v>114</v>
      </c>
      <c r="F19" s="19"/>
      <c r="G19" s="18" t="s">
        <v>36</v>
      </c>
      <c r="H19" s="17"/>
      <c r="I19" s="13">
        <v>287</v>
      </c>
      <c r="J19" s="19">
        <v>151</v>
      </c>
      <c r="K19" s="19">
        <v>136</v>
      </c>
    </row>
    <row r="20" spans="1:11" ht="15" customHeight="1">
      <c r="A20" s="17" t="s">
        <v>37</v>
      </c>
      <c r="B20" s="17"/>
      <c r="C20" s="13">
        <v>229</v>
      </c>
      <c r="D20" s="19">
        <v>121</v>
      </c>
      <c r="E20" s="19">
        <v>108</v>
      </c>
      <c r="F20" s="19"/>
      <c r="G20" s="18" t="s">
        <v>38</v>
      </c>
      <c r="H20" s="17"/>
      <c r="I20" s="13">
        <v>370</v>
      </c>
      <c r="J20" s="19">
        <v>176</v>
      </c>
      <c r="K20" s="19">
        <v>194</v>
      </c>
    </row>
    <row r="21" spans="1:11" ht="15" customHeight="1">
      <c r="A21" s="17" t="s">
        <v>39</v>
      </c>
      <c r="B21" s="17"/>
      <c r="C21" s="13">
        <v>238</v>
      </c>
      <c r="D21" s="19">
        <v>117</v>
      </c>
      <c r="E21" s="19">
        <v>121</v>
      </c>
      <c r="F21" s="19"/>
      <c r="G21" s="18" t="s">
        <v>40</v>
      </c>
      <c r="H21" s="17"/>
      <c r="I21" s="13">
        <v>376</v>
      </c>
      <c r="J21" s="19">
        <v>185</v>
      </c>
      <c r="K21" s="19">
        <v>191</v>
      </c>
    </row>
    <row r="22" spans="1:11" ht="15" customHeight="1">
      <c r="A22" s="17" t="s">
        <v>41</v>
      </c>
      <c r="B22" s="17"/>
      <c r="C22" s="13">
        <v>234</v>
      </c>
      <c r="D22" s="19">
        <v>117</v>
      </c>
      <c r="E22" s="19">
        <v>117</v>
      </c>
      <c r="F22" s="19"/>
      <c r="G22" s="18" t="s">
        <v>42</v>
      </c>
      <c r="H22" s="17"/>
      <c r="I22" s="13">
        <v>337</v>
      </c>
      <c r="J22" s="19">
        <v>162</v>
      </c>
      <c r="K22" s="19">
        <v>175</v>
      </c>
    </row>
    <row r="23" spans="1:11" ht="20.100000000000001" customHeight="1">
      <c r="A23" s="17" t="s">
        <v>43</v>
      </c>
      <c r="B23" s="17"/>
      <c r="C23" s="13">
        <v>1255</v>
      </c>
      <c r="D23" s="14">
        <v>623</v>
      </c>
      <c r="E23" s="14">
        <v>632</v>
      </c>
      <c r="F23" s="14"/>
      <c r="G23" s="18" t="s">
        <v>44</v>
      </c>
      <c r="H23" s="17"/>
      <c r="I23" s="13">
        <v>2175</v>
      </c>
      <c r="J23" s="14">
        <v>1019</v>
      </c>
      <c r="K23" s="14">
        <v>1156</v>
      </c>
    </row>
    <row r="24" spans="1:11" ht="15" customHeight="1">
      <c r="A24" s="17" t="s">
        <v>45</v>
      </c>
      <c r="B24" s="17"/>
      <c r="C24" s="13">
        <v>244</v>
      </c>
      <c r="D24" s="19">
        <v>122</v>
      </c>
      <c r="E24" s="19">
        <v>122</v>
      </c>
      <c r="F24" s="19"/>
      <c r="G24" s="18" t="s">
        <v>46</v>
      </c>
      <c r="H24" s="17"/>
      <c r="I24" s="13">
        <v>347</v>
      </c>
      <c r="J24" s="19">
        <v>174</v>
      </c>
      <c r="K24" s="19">
        <v>173</v>
      </c>
    </row>
    <row r="25" spans="1:11" ht="15" customHeight="1">
      <c r="A25" s="17" t="s">
        <v>47</v>
      </c>
      <c r="B25" s="17"/>
      <c r="C25" s="13">
        <v>235</v>
      </c>
      <c r="D25" s="19">
        <v>117</v>
      </c>
      <c r="E25" s="19">
        <v>118</v>
      </c>
      <c r="F25" s="19"/>
      <c r="G25" s="18" t="s">
        <v>48</v>
      </c>
      <c r="H25" s="17"/>
      <c r="I25" s="13">
        <v>371</v>
      </c>
      <c r="J25" s="19">
        <v>175</v>
      </c>
      <c r="K25" s="19">
        <v>196</v>
      </c>
    </row>
    <row r="26" spans="1:11" ht="15" customHeight="1">
      <c r="A26" s="17" t="s">
        <v>49</v>
      </c>
      <c r="B26" s="17"/>
      <c r="C26" s="13">
        <v>270</v>
      </c>
      <c r="D26" s="19">
        <v>135</v>
      </c>
      <c r="E26" s="19">
        <v>135</v>
      </c>
      <c r="F26" s="19"/>
      <c r="G26" s="18" t="s">
        <v>50</v>
      </c>
      <c r="H26" s="17"/>
      <c r="I26" s="13">
        <v>411</v>
      </c>
      <c r="J26" s="19">
        <v>174</v>
      </c>
      <c r="K26" s="19">
        <v>237</v>
      </c>
    </row>
    <row r="27" spans="1:11" ht="15" customHeight="1">
      <c r="A27" s="17" t="s">
        <v>51</v>
      </c>
      <c r="B27" s="17"/>
      <c r="C27" s="13">
        <v>254</v>
      </c>
      <c r="D27" s="19">
        <v>128</v>
      </c>
      <c r="E27" s="19">
        <v>126</v>
      </c>
      <c r="F27" s="19"/>
      <c r="G27" s="18" t="s">
        <v>52</v>
      </c>
      <c r="H27" s="17"/>
      <c r="I27" s="13">
        <v>478</v>
      </c>
      <c r="J27" s="19">
        <v>225</v>
      </c>
      <c r="K27" s="19">
        <v>253</v>
      </c>
    </row>
    <row r="28" spans="1:11" ht="15" customHeight="1">
      <c r="A28" s="17" t="s">
        <v>53</v>
      </c>
      <c r="B28" s="17"/>
      <c r="C28" s="13">
        <v>252</v>
      </c>
      <c r="D28" s="19">
        <v>121</v>
      </c>
      <c r="E28" s="19">
        <v>131</v>
      </c>
      <c r="F28" s="19"/>
      <c r="G28" s="18" t="s">
        <v>54</v>
      </c>
      <c r="H28" s="17"/>
      <c r="I28" s="13">
        <v>568</v>
      </c>
      <c r="J28" s="19">
        <v>271</v>
      </c>
      <c r="K28" s="19">
        <v>297</v>
      </c>
    </row>
    <row r="29" spans="1:11" ht="20.100000000000001" customHeight="1">
      <c r="A29" s="17" t="s">
        <v>55</v>
      </c>
      <c r="B29" s="17"/>
      <c r="C29" s="13">
        <v>1175</v>
      </c>
      <c r="D29" s="14">
        <v>603</v>
      </c>
      <c r="E29" s="14">
        <v>572</v>
      </c>
      <c r="F29" s="14"/>
      <c r="G29" s="18" t="s">
        <v>56</v>
      </c>
      <c r="H29" s="17"/>
      <c r="I29" s="13">
        <v>2366</v>
      </c>
      <c r="J29" s="14">
        <v>1097</v>
      </c>
      <c r="K29" s="14">
        <v>1269</v>
      </c>
    </row>
    <row r="30" spans="1:11" ht="15" customHeight="1">
      <c r="A30" s="17" t="s">
        <v>57</v>
      </c>
      <c r="B30" s="17"/>
      <c r="C30" s="13">
        <v>263</v>
      </c>
      <c r="D30" s="19">
        <v>150</v>
      </c>
      <c r="E30" s="19">
        <v>113</v>
      </c>
      <c r="F30" s="19"/>
      <c r="G30" s="18" t="s">
        <v>58</v>
      </c>
      <c r="H30" s="17"/>
      <c r="I30" s="13">
        <v>567</v>
      </c>
      <c r="J30" s="19">
        <v>248</v>
      </c>
      <c r="K30" s="19">
        <v>319</v>
      </c>
    </row>
    <row r="31" spans="1:11" ht="15" customHeight="1">
      <c r="A31" s="17" t="s">
        <v>59</v>
      </c>
      <c r="B31" s="17"/>
      <c r="C31" s="13">
        <v>270</v>
      </c>
      <c r="D31" s="19">
        <v>130</v>
      </c>
      <c r="E31" s="19">
        <v>140</v>
      </c>
      <c r="F31" s="19"/>
      <c r="G31" s="18" t="s">
        <v>60</v>
      </c>
      <c r="H31" s="17"/>
      <c r="I31" s="13">
        <v>562</v>
      </c>
      <c r="J31" s="19">
        <v>266</v>
      </c>
      <c r="K31" s="19">
        <v>296</v>
      </c>
    </row>
    <row r="32" spans="1:11" ht="15" customHeight="1">
      <c r="A32" s="17" t="s">
        <v>61</v>
      </c>
      <c r="B32" s="17"/>
      <c r="C32" s="13">
        <v>235</v>
      </c>
      <c r="D32" s="19">
        <v>122</v>
      </c>
      <c r="E32" s="19">
        <v>113</v>
      </c>
      <c r="F32" s="19"/>
      <c r="G32" s="18" t="s">
        <v>62</v>
      </c>
      <c r="H32" s="17"/>
      <c r="I32" s="13">
        <v>390</v>
      </c>
      <c r="J32" s="19">
        <v>192</v>
      </c>
      <c r="K32" s="19">
        <v>198</v>
      </c>
    </row>
    <row r="33" spans="1:11" ht="15" customHeight="1">
      <c r="A33" s="17" t="s">
        <v>63</v>
      </c>
      <c r="B33" s="17"/>
      <c r="C33" s="13">
        <v>229</v>
      </c>
      <c r="D33" s="19">
        <v>111</v>
      </c>
      <c r="E33" s="19">
        <v>118</v>
      </c>
      <c r="F33" s="19"/>
      <c r="G33" s="18" t="s">
        <v>64</v>
      </c>
      <c r="H33" s="17"/>
      <c r="I33" s="13">
        <v>387</v>
      </c>
      <c r="J33" s="19">
        <v>189</v>
      </c>
      <c r="K33" s="19">
        <v>198</v>
      </c>
    </row>
    <row r="34" spans="1:11" ht="15" customHeight="1">
      <c r="A34" s="17" t="s">
        <v>65</v>
      </c>
      <c r="B34" s="17"/>
      <c r="C34" s="13">
        <v>178</v>
      </c>
      <c r="D34" s="19">
        <v>90</v>
      </c>
      <c r="E34" s="19">
        <v>88</v>
      </c>
      <c r="F34" s="19"/>
      <c r="G34" s="18" t="s">
        <v>66</v>
      </c>
      <c r="H34" s="17"/>
      <c r="I34" s="13">
        <v>460</v>
      </c>
      <c r="J34" s="19">
        <v>202</v>
      </c>
      <c r="K34" s="19">
        <v>258</v>
      </c>
    </row>
    <row r="35" spans="1:11" ht="20.100000000000001" customHeight="1">
      <c r="A35" s="17" t="s">
        <v>67</v>
      </c>
      <c r="B35" s="17"/>
      <c r="C35" s="13">
        <v>978</v>
      </c>
      <c r="D35" s="14">
        <v>481</v>
      </c>
      <c r="E35" s="14">
        <v>497</v>
      </c>
      <c r="F35" s="14"/>
      <c r="G35" s="18" t="s">
        <v>68</v>
      </c>
      <c r="H35" s="17"/>
      <c r="I35" s="13">
        <v>2084</v>
      </c>
      <c r="J35" s="14">
        <v>992</v>
      </c>
      <c r="K35" s="14">
        <v>1092</v>
      </c>
    </row>
    <row r="36" spans="1:11" ht="15" customHeight="1">
      <c r="A36" s="17" t="s">
        <v>69</v>
      </c>
      <c r="B36" s="17"/>
      <c r="C36" s="13">
        <v>206</v>
      </c>
      <c r="D36" s="19">
        <v>90</v>
      </c>
      <c r="E36" s="19">
        <v>116</v>
      </c>
      <c r="F36" s="19"/>
      <c r="G36" s="18" t="s">
        <v>70</v>
      </c>
      <c r="H36" s="17"/>
      <c r="I36" s="13">
        <v>468</v>
      </c>
      <c r="J36" s="19">
        <v>224</v>
      </c>
      <c r="K36" s="19">
        <v>244</v>
      </c>
    </row>
    <row r="37" spans="1:11" ht="15" customHeight="1">
      <c r="A37" s="17" t="s">
        <v>71</v>
      </c>
      <c r="B37" s="17"/>
      <c r="C37" s="13">
        <v>200</v>
      </c>
      <c r="D37" s="19">
        <v>93</v>
      </c>
      <c r="E37" s="19">
        <v>107</v>
      </c>
      <c r="F37" s="19"/>
      <c r="G37" s="18" t="s">
        <v>72</v>
      </c>
      <c r="H37" s="17"/>
      <c r="I37" s="13">
        <v>442</v>
      </c>
      <c r="J37" s="19">
        <v>207</v>
      </c>
      <c r="K37" s="19">
        <v>235</v>
      </c>
    </row>
    <row r="38" spans="1:11" ht="15" customHeight="1">
      <c r="A38" s="17" t="s">
        <v>73</v>
      </c>
      <c r="B38" s="17"/>
      <c r="C38" s="13">
        <v>184</v>
      </c>
      <c r="D38" s="19">
        <v>103</v>
      </c>
      <c r="E38" s="19">
        <v>81</v>
      </c>
      <c r="F38" s="19"/>
      <c r="G38" s="18" t="s">
        <v>74</v>
      </c>
      <c r="H38" s="17"/>
      <c r="I38" s="13">
        <v>414</v>
      </c>
      <c r="J38" s="19">
        <v>195</v>
      </c>
      <c r="K38" s="19">
        <v>219</v>
      </c>
    </row>
    <row r="39" spans="1:11" ht="15" customHeight="1">
      <c r="A39" s="17" t="s">
        <v>75</v>
      </c>
      <c r="B39" s="17"/>
      <c r="C39" s="13">
        <v>196</v>
      </c>
      <c r="D39" s="19">
        <v>81</v>
      </c>
      <c r="E39" s="19">
        <v>115</v>
      </c>
      <c r="F39" s="19"/>
      <c r="G39" s="18" t="s">
        <v>76</v>
      </c>
      <c r="H39" s="17"/>
      <c r="I39" s="13">
        <v>410</v>
      </c>
      <c r="J39" s="19">
        <v>194</v>
      </c>
      <c r="K39" s="19">
        <v>216</v>
      </c>
    </row>
    <row r="40" spans="1:11" ht="15" customHeight="1">
      <c r="A40" s="17" t="s">
        <v>77</v>
      </c>
      <c r="B40" s="17"/>
      <c r="C40" s="13">
        <v>192</v>
      </c>
      <c r="D40" s="19">
        <v>114</v>
      </c>
      <c r="E40" s="19">
        <v>78</v>
      </c>
      <c r="F40" s="19"/>
      <c r="G40" s="18" t="s">
        <v>78</v>
      </c>
      <c r="H40" s="17"/>
      <c r="I40" s="13">
        <v>350</v>
      </c>
      <c r="J40" s="19">
        <v>172</v>
      </c>
      <c r="K40" s="19">
        <v>178</v>
      </c>
    </row>
    <row r="41" spans="1:11" ht="20.100000000000001" customHeight="1">
      <c r="A41" s="17" t="s">
        <v>79</v>
      </c>
      <c r="B41" s="17"/>
      <c r="C41" s="13">
        <v>1098</v>
      </c>
      <c r="D41" s="14">
        <v>533</v>
      </c>
      <c r="E41" s="14">
        <v>565</v>
      </c>
      <c r="F41" s="14"/>
      <c r="G41" s="18" t="s">
        <v>80</v>
      </c>
      <c r="H41" s="17"/>
      <c r="I41" s="13">
        <v>1483</v>
      </c>
      <c r="J41" s="14">
        <v>652</v>
      </c>
      <c r="K41" s="14">
        <v>831</v>
      </c>
    </row>
    <row r="42" spans="1:11" ht="15" customHeight="1">
      <c r="A42" s="17" t="s">
        <v>81</v>
      </c>
      <c r="B42" s="17"/>
      <c r="C42" s="13">
        <v>216</v>
      </c>
      <c r="D42" s="19">
        <v>106</v>
      </c>
      <c r="E42" s="19">
        <v>110</v>
      </c>
      <c r="F42" s="19"/>
      <c r="G42" s="18" t="s">
        <v>82</v>
      </c>
      <c r="H42" s="17"/>
      <c r="I42" s="13">
        <v>319</v>
      </c>
      <c r="J42" s="19">
        <v>137</v>
      </c>
      <c r="K42" s="19">
        <v>182</v>
      </c>
    </row>
    <row r="43" spans="1:11" ht="15" customHeight="1">
      <c r="A43" s="17" t="s">
        <v>83</v>
      </c>
      <c r="B43" s="17"/>
      <c r="C43" s="13">
        <v>240</v>
      </c>
      <c r="D43" s="19">
        <v>114</v>
      </c>
      <c r="E43" s="19">
        <v>126</v>
      </c>
      <c r="F43" s="19"/>
      <c r="G43" s="18" t="s">
        <v>84</v>
      </c>
      <c r="H43" s="17"/>
      <c r="I43" s="13">
        <v>344</v>
      </c>
      <c r="J43" s="19">
        <v>141</v>
      </c>
      <c r="K43" s="19">
        <v>203</v>
      </c>
    </row>
    <row r="44" spans="1:11" ht="15" customHeight="1">
      <c r="A44" s="17" t="s">
        <v>85</v>
      </c>
      <c r="B44" s="17"/>
      <c r="C44" s="13">
        <v>225</v>
      </c>
      <c r="D44" s="19">
        <v>112</v>
      </c>
      <c r="E44" s="19">
        <v>113</v>
      </c>
      <c r="F44" s="19"/>
      <c r="G44" s="18" t="s">
        <v>86</v>
      </c>
      <c r="H44" s="17"/>
      <c r="I44" s="13">
        <v>304</v>
      </c>
      <c r="J44" s="19">
        <v>149</v>
      </c>
      <c r="K44" s="19">
        <v>155</v>
      </c>
    </row>
    <row r="45" spans="1:11" ht="15" customHeight="1">
      <c r="A45" s="17" t="s">
        <v>87</v>
      </c>
      <c r="B45" s="17"/>
      <c r="C45" s="13">
        <v>206</v>
      </c>
      <c r="D45" s="19">
        <v>102</v>
      </c>
      <c r="E45" s="19">
        <v>104</v>
      </c>
      <c r="F45" s="19"/>
      <c r="G45" s="18" t="s">
        <v>88</v>
      </c>
      <c r="H45" s="17"/>
      <c r="I45" s="13">
        <v>294</v>
      </c>
      <c r="J45" s="19">
        <v>139</v>
      </c>
      <c r="K45" s="19">
        <v>155</v>
      </c>
    </row>
    <row r="46" spans="1:11" ht="15" customHeight="1">
      <c r="A46" s="17" t="s">
        <v>89</v>
      </c>
      <c r="B46" s="17"/>
      <c r="C46" s="13">
        <v>211</v>
      </c>
      <c r="D46" s="19">
        <v>99</v>
      </c>
      <c r="E46" s="19">
        <v>112</v>
      </c>
      <c r="F46" s="19"/>
      <c r="G46" s="18" t="s">
        <v>90</v>
      </c>
      <c r="H46" s="17"/>
      <c r="I46" s="13">
        <v>222</v>
      </c>
      <c r="J46" s="19">
        <v>86</v>
      </c>
      <c r="K46" s="19">
        <v>136</v>
      </c>
    </row>
    <row r="47" spans="1:11" ht="20.100000000000001" customHeight="1">
      <c r="A47" s="17" t="s">
        <v>91</v>
      </c>
      <c r="B47" s="17"/>
      <c r="C47" s="13">
        <v>1430</v>
      </c>
      <c r="D47" s="14">
        <v>722</v>
      </c>
      <c r="E47" s="14">
        <v>708</v>
      </c>
      <c r="F47" s="14"/>
      <c r="G47" s="18" t="s">
        <v>92</v>
      </c>
      <c r="H47" s="17"/>
      <c r="I47" s="13">
        <v>912</v>
      </c>
      <c r="J47" s="14">
        <v>362</v>
      </c>
      <c r="K47" s="14">
        <v>550</v>
      </c>
    </row>
    <row r="48" spans="1:11" ht="15" customHeight="1">
      <c r="A48" s="17" t="s">
        <v>93</v>
      </c>
      <c r="B48" s="17"/>
      <c r="C48" s="13">
        <v>253</v>
      </c>
      <c r="D48" s="19">
        <v>125</v>
      </c>
      <c r="E48" s="19">
        <v>128</v>
      </c>
      <c r="F48" s="19"/>
      <c r="G48" s="18" t="s">
        <v>94</v>
      </c>
      <c r="H48" s="17"/>
      <c r="I48" s="13">
        <v>250</v>
      </c>
      <c r="J48" s="19">
        <v>107</v>
      </c>
      <c r="K48" s="19">
        <v>143</v>
      </c>
    </row>
    <row r="49" spans="1:11" ht="15" customHeight="1">
      <c r="A49" s="17" t="s">
        <v>95</v>
      </c>
      <c r="B49" s="17"/>
      <c r="C49" s="13">
        <v>262</v>
      </c>
      <c r="D49" s="19">
        <v>130</v>
      </c>
      <c r="E49" s="19">
        <v>132</v>
      </c>
      <c r="F49" s="19"/>
      <c r="G49" s="18" t="s">
        <v>96</v>
      </c>
      <c r="H49" s="17"/>
      <c r="I49" s="13">
        <v>211</v>
      </c>
      <c r="J49" s="19">
        <v>79</v>
      </c>
      <c r="K49" s="19">
        <v>132</v>
      </c>
    </row>
    <row r="50" spans="1:11" ht="15" customHeight="1">
      <c r="A50" s="17" t="s">
        <v>97</v>
      </c>
      <c r="B50" s="17"/>
      <c r="C50" s="13">
        <v>318</v>
      </c>
      <c r="D50" s="19">
        <v>175</v>
      </c>
      <c r="E50" s="19">
        <v>143</v>
      </c>
      <c r="F50" s="19"/>
      <c r="G50" s="18" t="s">
        <v>98</v>
      </c>
      <c r="H50" s="17"/>
      <c r="I50" s="13">
        <v>177</v>
      </c>
      <c r="J50" s="19">
        <v>79</v>
      </c>
      <c r="K50" s="19">
        <v>98</v>
      </c>
    </row>
    <row r="51" spans="1:11" ht="15" customHeight="1">
      <c r="A51" s="17" t="s">
        <v>99</v>
      </c>
      <c r="B51" s="17"/>
      <c r="C51" s="13">
        <v>298</v>
      </c>
      <c r="D51" s="19">
        <v>153</v>
      </c>
      <c r="E51" s="19">
        <v>145</v>
      </c>
      <c r="F51" s="19"/>
      <c r="G51" s="18" t="s">
        <v>100</v>
      </c>
      <c r="H51" s="17"/>
      <c r="I51" s="13">
        <v>150</v>
      </c>
      <c r="J51" s="19">
        <v>54</v>
      </c>
      <c r="K51" s="19">
        <v>96</v>
      </c>
    </row>
    <row r="52" spans="1:11" ht="15" customHeight="1">
      <c r="A52" s="17" t="s">
        <v>101</v>
      </c>
      <c r="B52" s="17"/>
      <c r="C52" s="13">
        <v>299</v>
      </c>
      <c r="D52" s="19">
        <v>139</v>
      </c>
      <c r="E52" s="19">
        <v>160</v>
      </c>
      <c r="F52" s="19"/>
      <c r="G52" s="18" t="s">
        <v>102</v>
      </c>
      <c r="H52" s="17"/>
      <c r="I52" s="13">
        <v>124</v>
      </c>
      <c r="J52" s="19">
        <v>43</v>
      </c>
      <c r="K52" s="19">
        <v>81</v>
      </c>
    </row>
    <row r="53" spans="1:11" ht="20.100000000000001" customHeight="1">
      <c r="A53" s="17" t="s">
        <v>103</v>
      </c>
      <c r="B53" s="17"/>
      <c r="C53" s="13">
        <v>1801</v>
      </c>
      <c r="D53" s="14">
        <v>925</v>
      </c>
      <c r="E53" s="14">
        <v>876</v>
      </c>
      <c r="F53" s="14"/>
      <c r="G53" s="18" t="s">
        <v>104</v>
      </c>
      <c r="H53" s="17"/>
      <c r="I53" s="13">
        <v>435</v>
      </c>
      <c r="J53" s="14">
        <v>127</v>
      </c>
      <c r="K53" s="14">
        <v>308</v>
      </c>
    </row>
    <row r="54" spans="1:11" ht="15" customHeight="1">
      <c r="A54" s="17" t="s">
        <v>105</v>
      </c>
      <c r="B54" s="17"/>
      <c r="C54" s="13">
        <v>331</v>
      </c>
      <c r="D54" s="19">
        <v>191</v>
      </c>
      <c r="E54" s="19">
        <v>140</v>
      </c>
      <c r="F54" s="19"/>
      <c r="G54" s="18" t="s">
        <v>106</v>
      </c>
      <c r="H54" s="17"/>
      <c r="I54" s="13">
        <v>139</v>
      </c>
      <c r="J54" s="19">
        <v>39</v>
      </c>
      <c r="K54" s="19">
        <v>100</v>
      </c>
    </row>
    <row r="55" spans="1:11" ht="15" customHeight="1">
      <c r="A55" s="17" t="s">
        <v>107</v>
      </c>
      <c r="B55" s="17"/>
      <c r="C55" s="13">
        <v>341</v>
      </c>
      <c r="D55" s="19">
        <v>161</v>
      </c>
      <c r="E55" s="19">
        <v>180</v>
      </c>
      <c r="F55" s="19"/>
      <c r="G55" s="18" t="s">
        <v>108</v>
      </c>
      <c r="H55" s="17"/>
      <c r="I55" s="13">
        <v>103</v>
      </c>
      <c r="J55" s="19">
        <v>36</v>
      </c>
      <c r="K55" s="19">
        <v>67</v>
      </c>
    </row>
    <row r="56" spans="1:11" ht="15" customHeight="1">
      <c r="A56" s="17" t="s">
        <v>109</v>
      </c>
      <c r="B56" s="17"/>
      <c r="C56" s="13">
        <v>343</v>
      </c>
      <c r="D56" s="19">
        <v>160</v>
      </c>
      <c r="E56" s="19">
        <v>183</v>
      </c>
      <c r="F56" s="19"/>
      <c r="G56" s="18" t="s">
        <v>110</v>
      </c>
      <c r="H56" s="17"/>
      <c r="I56" s="13">
        <v>82</v>
      </c>
      <c r="J56" s="19">
        <v>24</v>
      </c>
      <c r="K56" s="19">
        <v>58</v>
      </c>
    </row>
    <row r="57" spans="1:11" ht="15" customHeight="1">
      <c r="A57" s="17" t="s">
        <v>111</v>
      </c>
      <c r="B57" s="17"/>
      <c r="C57" s="13">
        <v>373</v>
      </c>
      <c r="D57" s="19">
        <v>199</v>
      </c>
      <c r="E57" s="19">
        <v>174</v>
      </c>
      <c r="F57" s="19"/>
      <c r="G57" s="18" t="s">
        <v>112</v>
      </c>
      <c r="H57" s="17"/>
      <c r="I57" s="13">
        <v>71</v>
      </c>
      <c r="J57" s="19">
        <v>17</v>
      </c>
      <c r="K57" s="19">
        <v>54</v>
      </c>
    </row>
    <row r="58" spans="1:11" ht="15" customHeight="1">
      <c r="A58" s="17" t="s">
        <v>113</v>
      </c>
      <c r="B58" s="17"/>
      <c r="C58" s="13">
        <v>413</v>
      </c>
      <c r="D58" s="19">
        <v>214</v>
      </c>
      <c r="E58" s="19">
        <v>199</v>
      </c>
      <c r="F58" s="19"/>
      <c r="G58" s="18" t="s">
        <v>114</v>
      </c>
      <c r="H58" s="17"/>
      <c r="I58" s="13">
        <v>40</v>
      </c>
      <c r="J58" s="19">
        <v>11</v>
      </c>
      <c r="K58" s="19">
        <v>29</v>
      </c>
    </row>
    <row r="59" spans="1:11" ht="20.100000000000001" customHeight="1">
      <c r="A59" s="17" t="s">
        <v>115</v>
      </c>
      <c r="B59" s="17"/>
      <c r="C59" s="13">
        <v>2087</v>
      </c>
      <c r="D59" s="14">
        <v>1054</v>
      </c>
      <c r="E59" s="14">
        <v>1033</v>
      </c>
      <c r="F59" s="14"/>
      <c r="G59" s="18" t="s">
        <v>116</v>
      </c>
      <c r="H59" s="17"/>
      <c r="I59" s="13">
        <v>111</v>
      </c>
      <c r="J59" s="14">
        <v>28</v>
      </c>
      <c r="K59" s="14">
        <v>83</v>
      </c>
    </row>
    <row r="60" spans="1:11" ht="15" customHeight="1">
      <c r="A60" s="17" t="s">
        <v>117</v>
      </c>
      <c r="B60" s="17"/>
      <c r="C60" s="13">
        <v>416</v>
      </c>
      <c r="D60" s="19">
        <v>207</v>
      </c>
      <c r="E60" s="19">
        <v>209</v>
      </c>
      <c r="F60" s="19"/>
      <c r="G60" s="18" t="s">
        <v>118</v>
      </c>
      <c r="H60" s="17"/>
      <c r="I60" s="13">
        <v>50</v>
      </c>
      <c r="J60" s="19">
        <v>17</v>
      </c>
      <c r="K60" s="19">
        <v>33</v>
      </c>
    </row>
    <row r="61" spans="1:11" ht="15" customHeight="1">
      <c r="A61" s="17" t="s">
        <v>119</v>
      </c>
      <c r="B61" s="17"/>
      <c r="C61" s="13">
        <v>387</v>
      </c>
      <c r="D61" s="19">
        <v>178</v>
      </c>
      <c r="E61" s="19">
        <v>209</v>
      </c>
      <c r="F61" s="19"/>
      <c r="G61" s="18" t="s">
        <v>120</v>
      </c>
      <c r="H61" s="17"/>
      <c r="I61" s="13">
        <v>25</v>
      </c>
      <c r="J61" s="19">
        <v>6</v>
      </c>
      <c r="K61" s="19">
        <v>19</v>
      </c>
    </row>
    <row r="62" spans="1:11" ht="15" customHeight="1">
      <c r="A62" s="17" t="s">
        <v>121</v>
      </c>
      <c r="B62" s="17"/>
      <c r="C62" s="13">
        <v>442</v>
      </c>
      <c r="D62" s="19">
        <v>224</v>
      </c>
      <c r="E62" s="19">
        <v>218</v>
      </c>
      <c r="F62" s="19"/>
      <c r="G62" s="18" t="s">
        <v>122</v>
      </c>
      <c r="H62" s="17"/>
      <c r="I62" s="13">
        <v>13</v>
      </c>
      <c r="J62" s="19">
        <v>2</v>
      </c>
      <c r="K62" s="19">
        <v>11</v>
      </c>
    </row>
    <row r="63" spans="1:11" ht="15" customHeight="1">
      <c r="A63" s="17" t="s">
        <v>123</v>
      </c>
      <c r="B63" s="17"/>
      <c r="C63" s="13">
        <v>452</v>
      </c>
      <c r="D63" s="19">
        <v>241</v>
      </c>
      <c r="E63" s="19">
        <v>211</v>
      </c>
      <c r="F63" s="19"/>
      <c r="G63" s="18" t="s">
        <v>124</v>
      </c>
      <c r="H63" s="17"/>
      <c r="I63" s="13">
        <v>11</v>
      </c>
      <c r="J63" s="19">
        <v>2</v>
      </c>
      <c r="K63" s="19">
        <v>9</v>
      </c>
    </row>
    <row r="64" spans="1:11" ht="15" customHeight="1">
      <c r="A64" s="17" t="s">
        <v>125</v>
      </c>
      <c r="B64" s="17"/>
      <c r="C64" s="13">
        <v>390</v>
      </c>
      <c r="D64" s="19">
        <v>204</v>
      </c>
      <c r="E64" s="19">
        <v>186</v>
      </c>
      <c r="F64" s="19"/>
      <c r="G64" s="18" t="s">
        <v>126</v>
      </c>
      <c r="H64" s="17"/>
      <c r="I64" s="13">
        <v>12</v>
      </c>
      <c r="J64" s="19">
        <v>1</v>
      </c>
      <c r="K64" s="19">
        <v>1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9</v>
      </c>
      <c r="J65" s="19">
        <v>6</v>
      </c>
      <c r="K65" s="19">
        <v>13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</v>
      </c>
      <c r="J66" s="29">
        <v>1</v>
      </c>
      <c r="K66" s="29">
        <v>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5" pageOrder="overThenDown" orientation="portrait" blackAndWhite="1" useFirstPageNumber="1" horizontalDpi="300" verticalDpi="300"/>
  <headerFooter scaleWithDoc="0"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2</v>
      </c>
      <c r="B2" s="5"/>
      <c r="C2" s="7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40601</v>
      </c>
      <c r="D4" s="14">
        <v>165588</v>
      </c>
      <c r="E4" s="14">
        <v>17501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624</v>
      </c>
      <c r="D5" s="14">
        <v>5493</v>
      </c>
      <c r="E5" s="14">
        <v>5131</v>
      </c>
      <c r="F5" s="14"/>
      <c r="G5" s="18" t="s">
        <v>8</v>
      </c>
      <c r="H5" s="17"/>
      <c r="I5" s="13">
        <v>23897</v>
      </c>
      <c r="J5" s="14">
        <v>12305</v>
      </c>
      <c r="K5" s="14">
        <v>11592</v>
      </c>
    </row>
    <row r="6" spans="1:11" ht="15" customHeight="1">
      <c r="A6" s="17" t="s">
        <v>9</v>
      </c>
      <c r="B6" s="17"/>
      <c r="C6" s="13">
        <v>1996</v>
      </c>
      <c r="D6" s="19">
        <v>1021</v>
      </c>
      <c r="E6" s="19">
        <v>975</v>
      </c>
      <c r="F6" s="19"/>
      <c r="G6" s="18" t="s">
        <v>10</v>
      </c>
      <c r="H6" s="17"/>
      <c r="I6" s="13">
        <v>5024</v>
      </c>
      <c r="J6" s="19">
        <v>2623</v>
      </c>
      <c r="K6" s="19">
        <v>2401</v>
      </c>
    </row>
    <row r="7" spans="1:11" ht="15" customHeight="1">
      <c r="A7" s="17" t="s">
        <v>11</v>
      </c>
      <c r="B7" s="17"/>
      <c r="C7" s="13">
        <v>2064</v>
      </c>
      <c r="D7" s="19">
        <v>1057</v>
      </c>
      <c r="E7" s="19">
        <v>1007</v>
      </c>
      <c r="F7" s="19"/>
      <c r="G7" s="18" t="s">
        <v>12</v>
      </c>
      <c r="H7" s="17"/>
      <c r="I7" s="13">
        <v>5307</v>
      </c>
      <c r="J7" s="19">
        <v>2680</v>
      </c>
      <c r="K7" s="19">
        <v>2627</v>
      </c>
    </row>
    <row r="8" spans="1:11" ht="15" customHeight="1">
      <c r="A8" s="17" t="s">
        <v>13</v>
      </c>
      <c r="B8" s="17"/>
      <c r="C8" s="13">
        <v>2143</v>
      </c>
      <c r="D8" s="19">
        <v>1109</v>
      </c>
      <c r="E8" s="19">
        <v>1034</v>
      </c>
      <c r="F8" s="19"/>
      <c r="G8" s="18" t="s">
        <v>14</v>
      </c>
      <c r="H8" s="17"/>
      <c r="I8" s="13">
        <v>3790</v>
      </c>
      <c r="J8" s="19">
        <v>1944</v>
      </c>
      <c r="K8" s="19">
        <v>1846</v>
      </c>
    </row>
    <row r="9" spans="1:11" ht="15" customHeight="1">
      <c r="A9" s="17" t="s">
        <v>15</v>
      </c>
      <c r="B9" s="17"/>
      <c r="C9" s="13">
        <v>2212</v>
      </c>
      <c r="D9" s="19">
        <v>1148</v>
      </c>
      <c r="E9" s="19">
        <v>1064</v>
      </c>
      <c r="F9" s="19"/>
      <c r="G9" s="18" t="s">
        <v>16</v>
      </c>
      <c r="H9" s="17"/>
      <c r="I9" s="13">
        <v>5171</v>
      </c>
      <c r="J9" s="19">
        <v>2665</v>
      </c>
      <c r="K9" s="19">
        <v>2506</v>
      </c>
    </row>
    <row r="10" spans="1:11" ht="15" customHeight="1">
      <c r="A10" s="17" t="s">
        <v>17</v>
      </c>
      <c r="B10" s="17"/>
      <c r="C10" s="13">
        <v>2209</v>
      </c>
      <c r="D10" s="19">
        <v>1158</v>
      </c>
      <c r="E10" s="19">
        <v>1051</v>
      </c>
      <c r="F10" s="19"/>
      <c r="G10" s="18" t="s">
        <v>18</v>
      </c>
      <c r="H10" s="17"/>
      <c r="I10" s="13">
        <v>4605</v>
      </c>
      <c r="J10" s="19">
        <v>2393</v>
      </c>
      <c r="K10" s="19">
        <v>2212</v>
      </c>
    </row>
    <row r="11" spans="1:11" ht="20.100000000000001" customHeight="1">
      <c r="A11" s="17" t="s">
        <v>19</v>
      </c>
      <c r="B11" s="17"/>
      <c r="C11" s="13">
        <v>12644</v>
      </c>
      <c r="D11" s="14">
        <v>6509</v>
      </c>
      <c r="E11" s="14">
        <v>6135</v>
      </c>
      <c r="F11" s="14"/>
      <c r="G11" s="18" t="s">
        <v>20</v>
      </c>
      <c r="H11" s="17"/>
      <c r="I11" s="13">
        <v>21066</v>
      </c>
      <c r="J11" s="14">
        <v>10644</v>
      </c>
      <c r="K11" s="14">
        <v>10422</v>
      </c>
    </row>
    <row r="12" spans="1:11" ht="15" customHeight="1">
      <c r="A12" s="17" t="s">
        <v>21</v>
      </c>
      <c r="B12" s="17"/>
      <c r="C12" s="13">
        <v>2341</v>
      </c>
      <c r="D12" s="19">
        <v>1244</v>
      </c>
      <c r="E12" s="19">
        <v>1097</v>
      </c>
      <c r="F12" s="19"/>
      <c r="G12" s="18" t="s">
        <v>22</v>
      </c>
      <c r="H12" s="17"/>
      <c r="I12" s="13">
        <v>4523</v>
      </c>
      <c r="J12" s="19">
        <v>2299</v>
      </c>
      <c r="K12" s="19">
        <v>2224</v>
      </c>
    </row>
    <row r="13" spans="1:11" ht="15" customHeight="1">
      <c r="A13" s="17" t="s">
        <v>23</v>
      </c>
      <c r="B13" s="17"/>
      <c r="C13" s="13">
        <v>2525</v>
      </c>
      <c r="D13" s="19">
        <v>1275</v>
      </c>
      <c r="E13" s="19">
        <v>1250</v>
      </c>
      <c r="F13" s="19"/>
      <c r="G13" s="18" t="s">
        <v>24</v>
      </c>
      <c r="H13" s="17"/>
      <c r="I13" s="13">
        <v>4127</v>
      </c>
      <c r="J13" s="19">
        <v>2101</v>
      </c>
      <c r="K13" s="19">
        <v>2026</v>
      </c>
    </row>
    <row r="14" spans="1:11" ht="15" customHeight="1">
      <c r="A14" s="17" t="s">
        <v>25</v>
      </c>
      <c r="B14" s="17"/>
      <c r="C14" s="13">
        <v>2545</v>
      </c>
      <c r="D14" s="19">
        <v>1311</v>
      </c>
      <c r="E14" s="19">
        <v>1234</v>
      </c>
      <c r="F14" s="19"/>
      <c r="G14" s="18" t="s">
        <v>26</v>
      </c>
      <c r="H14" s="17"/>
      <c r="I14" s="13">
        <v>4154</v>
      </c>
      <c r="J14" s="19">
        <v>2062</v>
      </c>
      <c r="K14" s="19">
        <v>2092</v>
      </c>
    </row>
    <row r="15" spans="1:11" ht="15" customHeight="1">
      <c r="A15" s="17" t="s">
        <v>27</v>
      </c>
      <c r="B15" s="17"/>
      <c r="C15" s="13">
        <v>2604</v>
      </c>
      <c r="D15" s="19">
        <v>1346</v>
      </c>
      <c r="E15" s="19">
        <v>1258</v>
      </c>
      <c r="F15" s="19"/>
      <c r="G15" s="18" t="s">
        <v>28</v>
      </c>
      <c r="H15" s="17"/>
      <c r="I15" s="13">
        <v>4095</v>
      </c>
      <c r="J15" s="19">
        <v>2064</v>
      </c>
      <c r="K15" s="19">
        <v>2031</v>
      </c>
    </row>
    <row r="16" spans="1:11" ht="15" customHeight="1">
      <c r="A16" s="17" t="s">
        <v>29</v>
      </c>
      <c r="B16" s="17"/>
      <c r="C16" s="13">
        <v>2629</v>
      </c>
      <c r="D16" s="19">
        <v>1333</v>
      </c>
      <c r="E16" s="19">
        <v>1296</v>
      </c>
      <c r="F16" s="19"/>
      <c r="G16" s="18" t="s">
        <v>30</v>
      </c>
      <c r="H16" s="17"/>
      <c r="I16" s="13">
        <v>4167</v>
      </c>
      <c r="J16" s="19">
        <v>2118</v>
      </c>
      <c r="K16" s="19">
        <v>2049</v>
      </c>
    </row>
    <row r="17" spans="1:11" ht="20.100000000000001" customHeight="1">
      <c r="A17" s="20" t="s">
        <v>31</v>
      </c>
      <c r="B17" s="20"/>
      <c r="C17" s="13">
        <v>13832</v>
      </c>
      <c r="D17" s="14">
        <v>7097</v>
      </c>
      <c r="E17" s="14">
        <v>6735</v>
      </c>
      <c r="F17" s="14"/>
      <c r="G17" s="18" t="s">
        <v>32</v>
      </c>
      <c r="H17" s="17"/>
      <c r="I17" s="13">
        <v>21151</v>
      </c>
      <c r="J17" s="14">
        <v>10401</v>
      </c>
      <c r="K17" s="14">
        <v>10750</v>
      </c>
    </row>
    <row r="18" spans="1:11" ht="15" customHeight="1">
      <c r="A18" s="17" t="s">
        <v>33</v>
      </c>
      <c r="B18" s="17"/>
      <c r="C18" s="13">
        <v>2768</v>
      </c>
      <c r="D18" s="19">
        <v>1422</v>
      </c>
      <c r="E18" s="19">
        <v>1346</v>
      </c>
      <c r="F18" s="19"/>
      <c r="G18" s="18" t="s">
        <v>34</v>
      </c>
      <c r="H18" s="17"/>
      <c r="I18" s="13">
        <v>4368</v>
      </c>
      <c r="J18" s="19">
        <v>2224</v>
      </c>
      <c r="K18" s="19">
        <v>2144</v>
      </c>
    </row>
    <row r="19" spans="1:11" ht="15" customHeight="1">
      <c r="A19" s="17" t="s">
        <v>35</v>
      </c>
      <c r="B19" s="17"/>
      <c r="C19" s="13">
        <v>2698</v>
      </c>
      <c r="D19" s="19">
        <v>1364</v>
      </c>
      <c r="E19" s="19">
        <v>1334</v>
      </c>
      <c r="F19" s="19"/>
      <c r="G19" s="18" t="s">
        <v>36</v>
      </c>
      <c r="H19" s="17"/>
      <c r="I19" s="13">
        <v>4028</v>
      </c>
      <c r="J19" s="19">
        <v>1991</v>
      </c>
      <c r="K19" s="19">
        <v>2037</v>
      </c>
    </row>
    <row r="20" spans="1:11" ht="15" customHeight="1">
      <c r="A20" s="17" t="s">
        <v>37</v>
      </c>
      <c r="B20" s="17"/>
      <c r="C20" s="13">
        <v>2764</v>
      </c>
      <c r="D20" s="19">
        <v>1412</v>
      </c>
      <c r="E20" s="19">
        <v>1352</v>
      </c>
      <c r="F20" s="19"/>
      <c r="G20" s="18" t="s">
        <v>38</v>
      </c>
      <c r="H20" s="17"/>
      <c r="I20" s="13">
        <v>4081</v>
      </c>
      <c r="J20" s="19">
        <v>2022</v>
      </c>
      <c r="K20" s="19">
        <v>2059</v>
      </c>
    </row>
    <row r="21" spans="1:11" ht="15" customHeight="1">
      <c r="A21" s="17" t="s">
        <v>39</v>
      </c>
      <c r="B21" s="17"/>
      <c r="C21" s="13">
        <v>2736</v>
      </c>
      <c r="D21" s="19">
        <v>1394</v>
      </c>
      <c r="E21" s="19">
        <v>1342</v>
      </c>
      <c r="F21" s="19"/>
      <c r="G21" s="18" t="s">
        <v>40</v>
      </c>
      <c r="H21" s="17"/>
      <c r="I21" s="13">
        <v>4345</v>
      </c>
      <c r="J21" s="19">
        <v>2106</v>
      </c>
      <c r="K21" s="19">
        <v>2239</v>
      </c>
    </row>
    <row r="22" spans="1:11" ht="15" customHeight="1">
      <c r="A22" s="17" t="s">
        <v>41</v>
      </c>
      <c r="B22" s="17"/>
      <c r="C22" s="13">
        <v>2866</v>
      </c>
      <c r="D22" s="19">
        <v>1505</v>
      </c>
      <c r="E22" s="19">
        <v>1361</v>
      </c>
      <c r="F22" s="19"/>
      <c r="G22" s="18" t="s">
        <v>42</v>
      </c>
      <c r="H22" s="17"/>
      <c r="I22" s="13">
        <v>4329</v>
      </c>
      <c r="J22" s="19">
        <v>2058</v>
      </c>
      <c r="K22" s="19">
        <v>2271</v>
      </c>
    </row>
    <row r="23" spans="1:11" ht="20.100000000000001" customHeight="1">
      <c r="A23" s="17" t="s">
        <v>43</v>
      </c>
      <c r="B23" s="17"/>
      <c r="C23" s="13">
        <v>16063</v>
      </c>
      <c r="D23" s="14">
        <v>8134</v>
      </c>
      <c r="E23" s="14">
        <v>7929</v>
      </c>
      <c r="F23" s="14"/>
      <c r="G23" s="18" t="s">
        <v>44</v>
      </c>
      <c r="H23" s="17"/>
      <c r="I23" s="13">
        <v>27134</v>
      </c>
      <c r="J23" s="14">
        <v>13134</v>
      </c>
      <c r="K23" s="14">
        <v>14000</v>
      </c>
    </row>
    <row r="24" spans="1:11" ht="15" customHeight="1">
      <c r="A24" s="17" t="s">
        <v>45</v>
      </c>
      <c r="B24" s="17"/>
      <c r="C24" s="13">
        <v>3052</v>
      </c>
      <c r="D24" s="19">
        <v>1543</v>
      </c>
      <c r="E24" s="19">
        <v>1509</v>
      </c>
      <c r="F24" s="19"/>
      <c r="G24" s="18" t="s">
        <v>46</v>
      </c>
      <c r="H24" s="17"/>
      <c r="I24" s="13">
        <v>4565</v>
      </c>
      <c r="J24" s="19">
        <v>2237</v>
      </c>
      <c r="K24" s="19">
        <v>2328</v>
      </c>
    </row>
    <row r="25" spans="1:11" ht="15" customHeight="1">
      <c r="A25" s="17" t="s">
        <v>47</v>
      </c>
      <c r="B25" s="17"/>
      <c r="C25" s="13">
        <v>3168</v>
      </c>
      <c r="D25" s="19">
        <v>1585</v>
      </c>
      <c r="E25" s="19">
        <v>1583</v>
      </c>
      <c r="F25" s="19"/>
      <c r="G25" s="18" t="s">
        <v>48</v>
      </c>
      <c r="H25" s="17"/>
      <c r="I25" s="13">
        <v>5096</v>
      </c>
      <c r="J25" s="19">
        <v>2529</v>
      </c>
      <c r="K25" s="19">
        <v>2567</v>
      </c>
    </row>
    <row r="26" spans="1:11" ht="15" customHeight="1">
      <c r="A26" s="17" t="s">
        <v>49</v>
      </c>
      <c r="B26" s="17"/>
      <c r="C26" s="13">
        <v>3159</v>
      </c>
      <c r="D26" s="19">
        <v>1627</v>
      </c>
      <c r="E26" s="19">
        <v>1532</v>
      </c>
      <c r="F26" s="19"/>
      <c r="G26" s="18" t="s">
        <v>50</v>
      </c>
      <c r="H26" s="17"/>
      <c r="I26" s="13">
        <v>5344</v>
      </c>
      <c r="J26" s="19">
        <v>2542</v>
      </c>
      <c r="K26" s="19">
        <v>2802</v>
      </c>
    </row>
    <row r="27" spans="1:11" ht="15" customHeight="1">
      <c r="A27" s="17" t="s">
        <v>51</v>
      </c>
      <c r="B27" s="17"/>
      <c r="C27" s="13">
        <v>3334</v>
      </c>
      <c r="D27" s="19">
        <v>1647</v>
      </c>
      <c r="E27" s="19">
        <v>1687</v>
      </c>
      <c r="F27" s="19"/>
      <c r="G27" s="18" t="s">
        <v>52</v>
      </c>
      <c r="H27" s="17"/>
      <c r="I27" s="13">
        <v>5648</v>
      </c>
      <c r="J27" s="19">
        <v>2735</v>
      </c>
      <c r="K27" s="19">
        <v>2913</v>
      </c>
    </row>
    <row r="28" spans="1:11" ht="15" customHeight="1">
      <c r="A28" s="17" t="s">
        <v>53</v>
      </c>
      <c r="B28" s="17"/>
      <c r="C28" s="13">
        <v>3350</v>
      </c>
      <c r="D28" s="19">
        <v>1732</v>
      </c>
      <c r="E28" s="19">
        <v>1618</v>
      </c>
      <c r="F28" s="19"/>
      <c r="G28" s="18" t="s">
        <v>54</v>
      </c>
      <c r="H28" s="17"/>
      <c r="I28" s="13">
        <v>6481</v>
      </c>
      <c r="J28" s="19">
        <v>3091</v>
      </c>
      <c r="K28" s="19">
        <v>3390</v>
      </c>
    </row>
    <row r="29" spans="1:11" ht="20.100000000000001" customHeight="1">
      <c r="A29" s="17" t="s">
        <v>55</v>
      </c>
      <c r="B29" s="17"/>
      <c r="C29" s="13">
        <v>15896</v>
      </c>
      <c r="D29" s="14">
        <v>8032</v>
      </c>
      <c r="E29" s="14">
        <v>7864</v>
      </c>
      <c r="F29" s="14"/>
      <c r="G29" s="18" t="s">
        <v>56</v>
      </c>
      <c r="H29" s="17"/>
      <c r="I29" s="13">
        <v>25541</v>
      </c>
      <c r="J29" s="14">
        <v>12025</v>
      </c>
      <c r="K29" s="14">
        <v>13516</v>
      </c>
    </row>
    <row r="30" spans="1:11" ht="15" customHeight="1">
      <c r="A30" s="17" t="s">
        <v>57</v>
      </c>
      <c r="B30" s="17"/>
      <c r="C30" s="13">
        <v>3427</v>
      </c>
      <c r="D30" s="19">
        <v>1768</v>
      </c>
      <c r="E30" s="19">
        <v>1659</v>
      </c>
      <c r="F30" s="19"/>
      <c r="G30" s="18" t="s">
        <v>58</v>
      </c>
      <c r="H30" s="17"/>
      <c r="I30" s="13">
        <v>6137</v>
      </c>
      <c r="J30" s="19">
        <v>2982</v>
      </c>
      <c r="K30" s="19">
        <v>3155</v>
      </c>
    </row>
    <row r="31" spans="1:11" ht="15" customHeight="1">
      <c r="A31" s="17" t="s">
        <v>59</v>
      </c>
      <c r="B31" s="17"/>
      <c r="C31" s="13">
        <v>3382</v>
      </c>
      <c r="D31" s="19">
        <v>1710</v>
      </c>
      <c r="E31" s="19">
        <v>1672</v>
      </c>
      <c r="F31" s="19"/>
      <c r="G31" s="18" t="s">
        <v>60</v>
      </c>
      <c r="H31" s="17"/>
      <c r="I31" s="13">
        <v>6277</v>
      </c>
      <c r="J31" s="19">
        <v>2993</v>
      </c>
      <c r="K31" s="19">
        <v>3284</v>
      </c>
    </row>
    <row r="32" spans="1:11" ht="15" customHeight="1">
      <c r="A32" s="17" t="s">
        <v>61</v>
      </c>
      <c r="B32" s="17"/>
      <c r="C32" s="13">
        <v>3249</v>
      </c>
      <c r="D32" s="19">
        <v>1679</v>
      </c>
      <c r="E32" s="19">
        <v>1570</v>
      </c>
      <c r="F32" s="19"/>
      <c r="G32" s="18" t="s">
        <v>62</v>
      </c>
      <c r="H32" s="17"/>
      <c r="I32" s="13">
        <v>4368</v>
      </c>
      <c r="J32" s="19">
        <v>2030</v>
      </c>
      <c r="K32" s="19">
        <v>2338</v>
      </c>
    </row>
    <row r="33" spans="1:11" ht="15" customHeight="1">
      <c r="A33" s="17" t="s">
        <v>63</v>
      </c>
      <c r="B33" s="17"/>
      <c r="C33" s="13">
        <v>2895</v>
      </c>
      <c r="D33" s="19">
        <v>1439</v>
      </c>
      <c r="E33" s="19">
        <v>1456</v>
      </c>
      <c r="F33" s="19"/>
      <c r="G33" s="18" t="s">
        <v>64</v>
      </c>
      <c r="H33" s="17"/>
      <c r="I33" s="13">
        <v>3984</v>
      </c>
      <c r="J33" s="19">
        <v>1794</v>
      </c>
      <c r="K33" s="19">
        <v>2190</v>
      </c>
    </row>
    <row r="34" spans="1:11" ht="15" customHeight="1">
      <c r="A34" s="17" t="s">
        <v>65</v>
      </c>
      <c r="B34" s="17"/>
      <c r="C34" s="13">
        <v>2943</v>
      </c>
      <c r="D34" s="19">
        <v>1436</v>
      </c>
      <c r="E34" s="19">
        <v>1507</v>
      </c>
      <c r="F34" s="19"/>
      <c r="G34" s="18" t="s">
        <v>66</v>
      </c>
      <c r="H34" s="17"/>
      <c r="I34" s="13">
        <v>4775</v>
      </c>
      <c r="J34" s="19">
        <v>2226</v>
      </c>
      <c r="K34" s="19">
        <v>2549</v>
      </c>
    </row>
    <row r="35" spans="1:11" ht="20.100000000000001" customHeight="1">
      <c r="A35" s="17" t="s">
        <v>67</v>
      </c>
      <c r="B35" s="17"/>
      <c r="C35" s="13">
        <v>13870</v>
      </c>
      <c r="D35" s="14">
        <v>7083</v>
      </c>
      <c r="E35" s="14">
        <v>6787</v>
      </c>
      <c r="F35" s="14"/>
      <c r="G35" s="18" t="s">
        <v>68</v>
      </c>
      <c r="H35" s="17"/>
      <c r="I35" s="13">
        <v>22258</v>
      </c>
      <c r="J35" s="14">
        <v>9936</v>
      </c>
      <c r="K35" s="14">
        <v>12322</v>
      </c>
    </row>
    <row r="36" spans="1:11" ht="15" customHeight="1">
      <c r="A36" s="17" t="s">
        <v>69</v>
      </c>
      <c r="B36" s="17"/>
      <c r="C36" s="13">
        <v>2777</v>
      </c>
      <c r="D36" s="19">
        <v>1434</v>
      </c>
      <c r="E36" s="19">
        <v>1343</v>
      </c>
      <c r="F36" s="19"/>
      <c r="G36" s="18" t="s">
        <v>70</v>
      </c>
      <c r="H36" s="17"/>
      <c r="I36" s="13">
        <v>5015</v>
      </c>
      <c r="J36" s="19">
        <v>2295</v>
      </c>
      <c r="K36" s="19">
        <v>2720</v>
      </c>
    </row>
    <row r="37" spans="1:11" ht="15" customHeight="1">
      <c r="A37" s="17" t="s">
        <v>71</v>
      </c>
      <c r="B37" s="17"/>
      <c r="C37" s="13">
        <v>2783</v>
      </c>
      <c r="D37" s="19">
        <v>1395</v>
      </c>
      <c r="E37" s="19">
        <v>1388</v>
      </c>
      <c r="F37" s="19"/>
      <c r="G37" s="18" t="s">
        <v>72</v>
      </c>
      <c r="H37" s="17"/>
      <c r="I37" s="13">
        <v>4689</v>
      </c>
      <c r="J37" s="19">
        <v>2105</v>
      </c>
      <c r="K37" s="19">
        <v>2584</v>
      </c>
    </row>
    <row r="38" spans="1:11" ht="15" customHeight="1">
      <c r="A38" s="17" t="s">
        <v>73</v>
      </c>
      <c r="B38" s="17"/>
      <c r="C38" s="13">
        <v>2776</v>
      </c>
      <c r="D38" s="19">
        <v>1419</v>
      </c>
      <c r="E38" s="19">
        <v>1357</v>
      </c>
      <c r="F38" s="19"/>
      <c r="G38" s="18" t="s">
        <v>74</v>
      </c>
      <c r="H38" s="17"/>
      <c r="I38" s="13">
        <v>4644</v>
      </c>
      <c r="J38" s="19">
        <v>2049</v>
      </c>
      <c r="K38" s="19">
        <v>2595</v>
      </c>
    </row>
    <row r="39" spans="1:11" ht="15" customHeight="1">
      <c r="A39" s="17" t="s">
        <v>75</v>
      </c>
      <c r="B39" s="17"/>
      <c r="C39" s="13">
        <v>2730</v>
      </c>
      <c r="D39" s="19">
        <v>1376</v>
      </c>
      <c r="E39" s="19">
        <v>1354</v>
      </c>
      <c r="F39" s="19"/>
      <c r="G39" s="18" t="s">
        <v>76</v>
      </c>
      <c r="H39" s="17"/>
      <c r="I39" s="13">
        <v>4322</v>
      </c>
      <c r="J39" s="19">
        <v>1926</v>
      </c>
      <c r="K39" s="19">
        <v>2396</v>
      </c>
    </row>
    <row r="40" spans="1:11" ht="15" customHeight="1">
      <c r="A40" s="17" t="s">
        <v>77</v>
      </c>
      <c r="B40" s="17"/>
      <c r="C40" s="13">
        <v>2804</v>
      </c>
      <c r="D40" s="19">
        <v>1459</v>
      </c>
      <c r="E40" s="19">
        <v>1345</v>
      </c>
      <c r="F40" s="19"/>
      <c r="G40" s="18" t="s">
        <v>78</v>
      </c>
      <c r="H40" s="17"/>
      <c r="I40" s="13">
        <v>3588</v>
      </c>
      <c r="J40" s="19">
        <v>1561</v>
      </c>
      <c r="K40" s="19">
        <v>2027</v>
      </c>
    </row>
    <row r="41" spans="1:11" ht="20.100000000000001" customHeight="1">
      <c r="A41" s="17" t="s">
        <v>79</v>
      </c>
      <c r="B41" s="17"/>
      <c r="C41" s="13">
        <v>15430</v>
      </c>
      <c r="D41" s="14">
        <v>7804</v>
      </c>
      <c r="E41" s="14">
        <v>7626</v>
      </c>
      <c r="F41" s="14"/>
      <c r="G41" s="18" t="s">
        <v>80</v>
      </c>
      <c r="H41" s="17"/>
      <c r="I41" s="13">
        <v>15993</v>
      </c>
      <c r="J41" s="14">
        <v>6641</v>
      </c>
      <c r="K41" s="14">
        <v>9352</v>
      </c>
    </row>
    <row r="42" spans="1:11" ht="15" customHeight="1">
      <c r="A42" s="17" t="s">
        <v>81</v>
      </c>
      <c r="B42" s="17"/>
      <c r="C42" s="13">
        <v>2960</v>
      </c>
      <c r="D42" s="19">
        <v>1469</v>
      </c>
      <c r="E42" s="19">
        <v>1491</v>
      </c>
      <c r="F42" s="19"/>
      <c r="G42" s="18" t="s">
        <v>82</v>
      </c>
      <c r="H42" s="17"/>
      <c r="I42" s="13">
        <v>3356</v>
      </c>
      <c r="J42" s="19">
        <v>1463</v>
      </c>
      <c r="K42" s="19">
        <v>1893</v>
      </c>
    </row>
    <row r="43" spans="1:11" ht="15" customHeight="1">
      <c r="A43" s="17" t="s">
        <v>83</v>
      </c>
      <c r="B43" s="17"/>
      <c r="C43" s="13">
        <v>2963</v>
      </c>
      <c r="D43" s="19">
        <v>1500</v>
      </c>
      <c r="E43" s="19">
        <v>1463</v>
      </c>
      <c r="F43" s="19"/>
      <c r="G43" s="18" t="s">
        <v>84</v>
      </c>
      <c r="H43" s="17"/>
      <c r="I43" s="13">
        <v>3489</v>
      </c>
      <c r="J43" s="19">
        <v>1470</v>
      </c>
      <c r="K43" s="19">
        <v>2019</v>
      </c>
    </row>
    <row r="44" spans="1:11" ht="15" customHeight="1">
      <c r="A44" s="17" t="s">
        <v>85</v>
      </c>
      <c r="B44" s="17"/>
      <c r="C44" s="13">
        <v>3033</v>
      </c>
      <c r="D44" s="19">
        <v>1534</v>
      </c>
      <c r="E44" s="19">
        <v>1499</v>
      </c>
      <c r="F44" s="19"/>
      <c r="G44" s="18" t="s">
        <v>86</v>
      </c>
      <c r="H44" s="17"/>
      <c r="I44" s="13">
        <v>3225</v>
      </c>
      <c r="J44" s="19">
        <v>1347</v>
      </c>
      <c r="K44" s="19">
        <v>1878</v>
      </c>
    </row>
    <row r="45" spans="1:11" ht="15" customHeight="1">
      <c r="A45" s="17" t="s">
        <v>87</v>
      </c>
      <c r="B45" s="17"/>
      <c r="C45" s="13">
        <v>3176</v>
      </c>
      <c r="D45" s="19">
        <v>1651</v>
      </c>
      <c r="E45" s="19">
        <v>1525</v>
      </c>
      <c r="F45" s="19"/>
      <c r="G45" s="18" t="s">
        <v>88</v>
      </c>
      <c r="H45" s="17"/>
      <c r="I45" s="13">
        <v>3147</v>
      </c>
      <c r="J45" s="19">
        <v>1267</v>
      </c>
      <c r="K45" s="19">
        <v>1880</v>
      </c>
    </row>
    <row r="46" spans="1:11" ht="15" customHeight="1">
      <c r="A46" s="17" t="s">
        <v>89</v>
      </c>
      <c r="B46" s="17"/>
      <c r="C46" s="13">
        <v>3298</v>
      </c>
      <c r="D46" s="19">
        <v>1650</v>
      </c>
      <c r="E46" s="19">
        <v>1648</v>
      </c>
      <c r="F46" s="19"/>
      <c r="G46" s="18" t="s">
        <v>90</v>
      </c>
      <c r="H46" s="17"/>
      <c r="I46" s="13">
        <v>2776</v>
      </c>
      <c r="J46" s="19">
        <v>1094</v>
      </c>
      <c r="K46" s="19">
        <v>1682</v>
      </c>
    </row>
    <row r="47" spans="1:11" ht="20.100000000000001" customHeight="1">
      <c r="A47" s="17" t="s">
        <v>91</v>
      </c>
      <c r="B47" s="17"/>
      <c r="C47" s="13">
        <v>18279</v>
      </c>
      <c r="D47" s="14">
        <v>9271</v>
      </c>
      <c r="E47" s="14">
        <v>9008</v>
      </c>
      <c r="F47" s="14"/>
      <c r="G47" s="18" t="s">
        <v>92</v>
      </c>
      <c r="H47" s="17"/>
      <c r="I47" s="13">
        <v>10050</v>
      </c>
      <c r="J47" s="14">
        <v>3631</v>
      </c>
      <c r="K47" s="14">
        <v>6419</v>
      </c>
    </row>
    <row r="48" spans="1:11" ht="15" customHeight="1">
      <c r="A48" s="17" t="s">
        <v>93</v>
      </c>
      <c r="B48" s="17"/>
      <c r="C48" s="13">
        <v>3486</v>
      </c>
      <c r="D48" s="19">
        <v>1754</v>
      </c>
      <c r="E48" s="19">
        <v>1732</v>
      </c>
      <c r="F48" s="19"/>
      <c r="G48" s="18" t="s">
        <v>94</v>
      </c>
      <c r="H48" s="17"/>
      <c r="I48" s="13">
        <v>2521</v>
      </c>
      <c r="J48" s="19">
        <v>1003</v>
      </c>
      <c r="K48" s="19">
        <v>1518</v>
      </c>
    </row>
    <row r="49" spans="1:11" ht="15" customHeight="1">
      <c r="A49" s="17" t="s">
        <v>95</v>
      </c>
      <c r="B49" s="17"/>
      <c r="C49" s="13">
        <v>3540</v>
      </c>
      <c r="D49" s="19">
        <v>1803</v>
      </c>
      <c r="E49" s="19">
        <v>1737</v>
      </c>
      <c r="F49" s="19"/>
      <c r="G49" s="18" t="s">
        <v>96</v>
      </c>
      <c r="H49" s="17"/>
      <c r="I49" s="13">
        <v>2302</v>
      </c>
      <c r="J49" s="19">
        <v>867</v>
      </c>
      <c r="K49" s="19">
        <v>1435</v>
      </c>
    </row>
    <row r="50" spans="1:11" ht="15" customHeight="1">
      <c r="A50" s="17" t="s">
        <v>97</v>
      </c>
      <c r="B50" s="17"/>
      <c r="C50" s="13">
        <v>3628</v>
      </c>
      <c r="D50" s="19">
        <v>1833</v>
      </c>
      <c r="E50" s="19">
        <v>1795</v>
      </c>
      <c r="F50" s="19"/>
      <c r="G50" s="18" t="s">
        <v>98</v>
      </c>
      <c r="H50" s="17"/>
      <c r="I50" s="13">
        <v>2013</v>
      </c>
      <c r="J50" s="19">
        <v>726</v>
      </c>
      <c r="K50" s="19">
        <v>1287</v>
      </c>
    </row>
    <row r="51" spans="1:11" ht="15" customHeight="1">
      <c r="A51" s="17" t="s">
        <v>99</v>
      </c>
      <c r="B51" s="17"/>
      <c r="C51" s="13">
        <v>3778</v>
      </c>
      <c r="D51" s="19">
        <v>1887</v>
      </c>
      <c r="E51" s="19">
        <v>1891</v>
      </c>
      <c r="F51" s="19"/>
      <c r="G51" s="18" t="s">
        <v>100</v>
      </c>
      <c r="H51" s="17"/>
      <c r="I51" s="13">
        <v>1701</v>
      </c>
      <c r="J51" s="19">
        <v>545</v>
      </c>
      <c r="K51" s="19">
        <v>1156</v>
      </c>
    </row>
    <row r="52" spans="1:11" ht="15" customHeight="1">
      <c r="A52" s="17" t="s">
        <v>101</v>
      </c>
      <c r="B52" s="17"/>
      <c r="C52" s="13">
        <v>3847</v>
      </c>
      <c r="D52" s="19">
        <v>1994</v>
      </c>
      <c r="E52" s="19">
        <v>1853</v>
      </c>
      <c r="F52" s="19"/>
      <c r="G52" s="18" t="s">
        <v>102</v>
      </c>
      <c r="H52" s="17"/>
      <c r="I52" s="13">
        <v>1513</v>
      </c>
      <c r="J52" s="19">
        <v>490</v>
      </c>
      <c r="K52" s="19">
        <v>1023</v>
      </c>
    </row>
    <row r="53" spans="1:11" ht="20.100000000000001" customHeight="1">
      <c r="A53" s="17" t="s">
        <v>103</v>
      </c>
      <c r="B53" s="17"/>
      <c r="C53" s="13">
        <v>22497</v>
      </c>
      <c r="D53" s="14">
        <v>11480</v>
      </c>
      <c r="E53" s="14">
        <v>11017</v>
      </c>
      <c r="F53" s="14"/>
      <c r="G53" s="18" t="s">
        <v>104</v>
      </c>
      <c r="H53" s="17"/>
      <c r="I53" s="13">
        <v>4847</v>
      </c>
      <c r="J53" s="14">
        <v>1309</v>
      </c>
      <c r="K53" s="14">
        <v>3538</v>
      </c>
    </row>
    <row r="54" spans="1:11" ht="15" customHeight="1">
      <c r="A54" s="17" t="s">
        <v>105</v>
      </c>
      <c r="B54" s="17"/>
      <c r="C54" s="13">
        <v>4127</v>
      </c>
      <c r="D54" s="19">
        <v>2078</v>
      </c>
      <c r="E54" s="19">
        <v>2049</v>
      </c>
      <c r="F54" s="19"/>
      <c r="G54" s="18" t="s">
        <v>106</v>
      </c>
      <c r="H54" s="17"/>
      <c r="I54" s="13">
        <v>1358</v>
      </c>
      <c r="J54" s="19">
        <v>384</v>
      </c>
      <c r="K54" s="19">
        <v>974</v>
      </c>
    </row>
    <row r="55" spans="1:11" ht="15" customHeight="1">
      <c r="A55" s="17" t="s">
        <v>107</v>
      </c>
      <c r="B55" s="17"/>
      <c r="C55" s="13">
        <v>4240</v>
      </c>
      <c r="D55" s="19">
        <v>2173</v>
      </c>
      <c r="E55" s="19">
        <v>2067</v>
      </c>
      <c r="F55" s="19"/>
      <c r="G55" s="18" t="s">
        <v>108</v>
      </c>
      <c r="H55" s="17"/>
      <c r="I55" s="13">
        <v>1119</v>
      </c>
      <c r="J55" s="19">
        <v>318</v>
      </c>
      <c r="K55" s="19">
        <v>801</v>
      </c>
    </row>
    <row r="56" spans="1:11" ht="15" customHeight="1">
      <c r="A56" s="17" t="s">
        <v>109</v>
      </c>
      <c r="B56" s="17"/>
      <c r="C56" s="13">
        <v>4259</v>
      </c>
      <c r="D56" s="19">
        <v>2135</v>
      </c>
      <c r="E56" s="19">
        <v>2124</v>
      </c>
      <c r="F56" s="19"/>
      <c r="G56" s="18" t="s">
        <v>110</v>
      </c>
      <c r="H56" s="17"/>
      <c r="I56" s="13">
        <v>971</v>
      </c>
      <c r="J56" s="19">
        <v>271</v>
      </c>
      <c r="K56" s="19">
        <v>700</v>
      </c>
    </row>
    <row r="57" spans="1:11" ht="15" customHeight="1">
      <c r="A57" s="17" t="s">
        <v>111</v>
      </c>
      <c r="B57" s="17"/>
      <c r="C57" s="13">
        <v>4758</v>
      </c>
      <c r="D57" s="19">
        <v>2441</v>
      </c>
      <c r="E57" s="19">
        <v>2317</v>
      </c>
      <c r="F57" s="19"/>
      <c r="G57" s="18" t="s">
        <v>112</v>
      </c>
      <c r="H57" s="17"/>
      <c r="I57" s="13">
        <v>793</v>
      </c>
      <c r="J57" s="19">
        <v>195</v>
      </c>
      <c r="K57" s="19">
        <v>598</v>
      </c>
    </row>
    <row r="58" spans="1:11" ht="15" customHeight="1">
      <c r="A58" s="17" t="s">
        <v>113</v>
      </c>
      <c r="B58" s="17"/>
      <c r="C58" s="13">
        <v>5113</v>
      </c>
      <c r="D58" s="19">
        <v>2653</v>
      </c>
      <c r="E58" s="19">
        <v>2460</v>
      </c>
      <c r="F58" s="19"/>
      <c r="G58" s="18" t="s">
        <v>114</v>
      </c>
      <c r="H58" s="17"/>
      <c r="I58" s="13">
        <v>606</v>
      </c>
      <c r="J58" s="19">
        <v>141</v>
      </c>
      <c r="K58" s="19">
        <v>465</v>
      </c>
    </row>
    <row r="59" spans="1:11" ht="20.100000000000001" customHeight="1">
      <c r="A59" s="17" t="s">
        <v>115</v>
      </c>
      <c r="B59" s="17"/>
      <c r="C59" s="13">
        <v>26240</v>
      </c>
      <c r="D59" s="14">
        <v>13379</v>
      </c>
      <c r="E59" s="14">
        <v>12861</v>
      </c>
      <c r="F59" s="14"/>
      <c r="G59" s="18" t="s">
        <v>116</v>
      </c>
      <c r="H59" s="17"/>
      <c r="I59" s="13">
        <v>1296</v>
      </c>
      <c r="J59" s="14">
        <v>277</v>
      </c>
      <c r="K59" s="14">
        <v>1019</v>
      </c>
    </row>
    <row r="60" spans="1:11" ht="15" customHeight="1">
      <c r="A60" s="17" t="s">
        <v>117</v>
      </c>
      <c r="B60" s="17"/>
      <c r="C60" s="13">
        <v>5397</v>
      </c>
      <c r="D60" s="19">
        <v>2755</v>
      </c>
      <c r="E60" s="19">
        <v>2642</v>
      </c>
      <c r="F60" s="19"/>
      <c r="G60" s="18" t="s">
        <v>118</v>
      </c>
      <c r="H60" s="17"/>
      <c r="I60" s="13">
        <v>440</v>
      </c>
      <c r="J60" s="19">
        <v>104</v>
      </c>
      <c r="K60" s="19">
        <v>336</v>
      </c>
    </row>
    <row r="61" spans="1:11" ht="15" customHeight="1">
      <c r="A61" s="17" t="s">
        <v>119</v>
      </c>
      <c r="B61" s="17"/>
      <c r="C61" s="13">
        <v>5260</v>
      </c>
      <c r="D61" s="19">
        <v>2670</v>
      </c>
      <c r="E61" s="19">
        <v>2590</v>
      </c>
      <c r="F61" s="19"/>
      <c r="G61" s="18" t="s">
        <v>120</v>
      </c>
      <c r="H61" s="17"/>
      <c r="I61" s="13">
        <v>332</v>
      </c>
      <c r="J61" s="19">
        <v>72</v>
      </c>
      <c r="K61" s="19">
        <v>260</v>
      </c>
    </row>
    <row r="62" spans="1:11" ht="15" customHeight="1">
      <c r="A62" s="17" t="s">
        <v>121</v>
      </c>
      <c r="B62" s="17"/>
      <c r="C62" s="13">
        <v>5244</v>
      </c>
      <c r="D62" s="19">
        <v>2683</v>
      </c>
      <c r="E62" s="19">
        <v>2561</v>
      </c>
      <c r="F62" s="19"/>
      <c r="G62" s="18" t="s">
        <v>122</v>
      </c>
      <c r="H62" s="17"/>
      <c r="I62" s="13">
        <v>250</v>
      </c>
      <c r="J62" s="19">
        <v>55</v>
      </c>
      <c r="K62" s="19">
        <v>195</v>
      </c>
    </row>
    <row r="63" spans="1:11" ht="15" customHeight="1">
      <c r="A63" s="17" t="s">
        <v>123</v>
      </c>
      <c r="B63" s="17"/>
      <c r="C63" s="13">
        <v>5172</v>
      </c>
      <c r="D63" s="19">
        <v>2669</v>
      </c>
      <c r="E63" s="19">
        <v>2503</v>
      </c>
      <c r="F63" s="19"/>
      <c r="G63" s="18" t="s">
        <v>124</v>
      </c>
      <c r="H63" s="17"/>
      <c r="I63" s="13">
        <v>153</v>
      </c>
      <c r="J63" s="19">
        <v>29</v>
      </c>
      <c r="K63" s="19">
        <v>124</v>
      </c>
    </row>
    <row r="64" spans="1:11" ht="15" customHeight="1">
      <c r="A64" s="17" t="s">
        <v>125</v>
      </c>
      <c r="B64" s="17"/>
      <c r="C64" s="13">
        <v>5167</v>
      </c>
      <c r="D64" s="19">
        <v>2602</v>
      </c>
      <c r="E64" s="19">
        <v>2565</v>
      </c>
      <c r="F64" s="19"/>
      <c r="G64" s="18" t="s">
        <v>126</v>
      </c>
      <c r="H64" s="17"/>
      <c r="I64" s="13">
        <v>121</v>
      </c>
      <c r="J64" s="19">
        <v>17</v>
      </c>
      <c r="K64" s="19">
        <v>10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41</v>
      </c>
      <c r="J65" s="19">
        <v>29</v>
      </c>
      <c r="K65" s="19">
        <v>21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752</v>
      </c>
      <c r="J66" s="29">
        <v>974</v>
      </c>
      <c r="K66" s="29">
        <v>778</v>
      </c>
    </row>
    <row r="68" spans="1:11">
      <c r="F68" s="30"/>
    </row>
    <row r="75" spans="1:11">
      <c r="F75" s="31"/>
    </row>
    <row r="76" spans="1:11">
      <c r="F76" s="32"/>
    </row>
    <row r="77" spans="1:11">
      <c r="F77" s="32"/>
    </row>
    <row r="78" spans="1:11">
      <c r="F78" s="32"/>
    </row>
    <row r="79" spans="1:11">
      <c r="F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6" pageOrder="overThenDown" orientation="portrait" blackAndWhite="1" useFirstPageNumber="1" horizontalDpi="300" verticalDpi="300"/>
  <headerFooter scaleWithDoc="0"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68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0999</v>
      </c>
      <c r="D4" s="14">
        <v>92907</v>
      </c>
      <c r="E4" s="14">
        <v>9809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285</v>
      </c>
      <c r="D5" s="14">
        <v>3218</v>
      </c>
      <c r="E5" s="14">
        <v>3067</v>
      </c>
      <c r="F5" s="14"/>
      <c r="G5" s="18" t="s">
        <v>8</v>
      </c>
      <c r="H5" s="17"/>
      <c r="I5" s="13">
        <v>13739</v>
      </c>
      <c r="J5" s="14">
        <v>7096</v>
      </c>
      <c r="K5" s="14">
        <v>6643</v>
      </c>
    </row>
    <row r="6" spans="1:11" ht="15" customHeight="1">
      <c r="A6" s="17" t="s">
        <v>9</v>
      </c>
      <c r="B6" s="17"/>
      <c r="C6" s="13">
        <v>1177</v>
      </c>
      <c r="D6" s="19">
        <v>616</v>
      </c>
      <c r="E6" s="19">
        <v>561</v>
      </c>
      <c r="F6" s="19"/>
      <c r="G6" s="18" t="s">
        <v>10</v>
      </c>
      <c r="H6" s="17"/>
      <c r="I6" s="13">
        <v>2910</v>
      </c>
      <c r="J6" s="19">
        <v>1527</v>
      </c>
      <c r="K6" s="19">
        <v>1383</v>
      </c>
    </row>
    <row r="7" spans="1:11" ht="15" customHeight="1">
      <c r="A7" s="17" t="s">
        <v>11</v>
      </c>
      <c r="B7" s="17"/>
      <c r="C7" s="13">
        <v>1241</v>
      </c>
      <c r="D7" s="19">
        <v>628</v>
      </c>
      <c r="E7" s="19">
        <v>613</v>
      </c>
      <c r="F7" s="19"/>
      <c r="G7" s="18" t="s">
        <v>12</v>
      </c>
      <c r="H7" s="17"/>
      <c r="I7" s="13">
        <v>3053</v>
      </c>
      <c r="J7" s="19">
        <v>1541</v>
      </c>
      <c r="K7" s="19">
        <v>1512</v>
      </c>
    </row>
    <row r="8" spans="1:11" ht="15" customHeight="1">
      <c r="A8" s="17" t="s">
        <v>13</v>
      </c>
      <c r="B8" s="17"/>
      <c r="C8" s="13">
        <v>1280</v>
      </c>
      <c r="D8" s="19">
        <v>633</v>
      </c>
      <c r="E8" s="19">
        <v>647</v>
      </c>
      <c r="F8" s="19"/>
      <c r="G8" s="18" t="s">
        <v>14</v>
      </c>
      <c r="H8" s="17"/>
      <c r="I8" s="13">
        <v>2215</v>
      </c>
      <c r="J8" s="19">
        <v>1157</v>
      </c>
      <c r="K8" s="19">
        <v>1058</v>
      </c>
    </row>
    <row r="9" spans="1:11" ht="15" customHeight="1">
      <c r="A9" s="17" t="s">
        <v>15</v>
      </c>
      <c r="B9" s="17"/>
      <c r="C9" s="13">
        <v>1282</v>
      </c>
      <c r="D9" s="19">
        <v>649</v>
      </c>
      <c r="E9" s="19">
        <v>633</v>
      </c>
      <c r="F9" s="19"/>
      <c r="G9" s="18" t="s">
        <v>16</v>
      </c>
      <c r="H9" s="17"/>
      <c r="I9" s="13">
        <v>2925</v>
      </c>
      <c r="J9" s="19">
        <v>1512</v>
      </c>
      <c r="K9" s="19">
        <v>1413</v>
      </c>
    </row>
    <row r="10" spans="1:11" ht="15" customHeight="1">
      <c r="A10" s="17" t="s">
        <v>17</v>
      </c>
      <c r="B10" s="17"/>
      <c r="C10" s="13">
        <v>1305</v>
      </c>
      <c r="D10" s="19">
        <v>692</v>
      </c>
      <c r="E10" s="19">
        <v>613</v>
      </c>
      <c r="F10" s="19"/>
      <c r="G10" s="18" t="s">
        <v>18</v>
      </c>
      <c r="H10" s="17"/>
      <c r="I10" s="13">
        <v>2636</v>
      </c>
      <c r="J10" s="19">
        <v>1359</v>
      </c>
      <c r="K10" s="19">
        <v>1277</v>
      </c>
    </row>
    <row r="11" spans="1:11" ht="20.100000000000001" customHeight="1">
      <c r="A11" s="17" t="s">
        <v>19</v>
      </c>
      <c r="B11" s="17"/>
      <c r="C11" s="13">
        <v>7289</v>
      </c>
      <c r="D11" s="14">
        <v>3805</v>
      </c>
      <c r="E11" s="14">
        <v>3484</v>
      </c>
      <c r="F11" s="14"/>
      <c r="G11" s="18" t="s">
        <v>20</v>
      </c>
      <c r="H11" s="17"/>
      <c r="I11" s="13">
        <v>11979</v>
      </c>
      <c r="J11" s="14">
        <v>6096</v>
      </c>
      <c r="K11" s="14">
        <v>5883</v>
      </c>
    </row>
    <row r="12" spans="1:11" ht="15" customHeight="1">
      <c r="A12" s="17" t="s">
        <v>21</v>
      </c>
      <c r="B12" s="17"/>
      <c r="C12" s="13">
        <v>1352</v>
      </c>
      <c r="D12" s="19">
        <v>728</v>
      </c>
      <c r="E12" s="19">
        <v>624</v>
      </c>
      <c r="F12" s="19"/>
      <c r="G12" s="18" t="s">
        <v>22</v>
      </c>
      <c r="H12" s="17"/>
      <c r="I12" s="13">
        <v>2575</v>
      </c>
      <c r="J12" s="19">
        <v>1332</v>
      </c>
      <c r="K12" s="19">
        <v>1243</v>
      </c>
    </row>
    <row r="13" spans="1:11" ht="15" customHeight="1">
      <c r="A13" s="17" t="s">
        <v>23</v>
      </c>
      <c r="B13" s="17"/>
      <c r="C13" s="13">
        <v>1492</v>
      </c>
      <c r="D13" s="19">
        <v>767</v>
      </c>
      <c r="E13" s="19">
        <v>725</v>
      </c>
      <c r="F13" s="19"/>
      <c r="G13" s="18" t="s">
        <v>24</v>
      </c>
      <c r="H13" s="17"/>
      <c r="I13" s="13">
        <v>2328</v>
      </c>
      <c r="J13" s="19">
        <v>1182</v>
      </c>
      <c r="K13" s="19">
        <v>1146</v>
      </c>
    </row>
    <row r="14" spans="1:11" ht="15" customHeight="1">
      <c r="A14" s="17" t="s">
        <v>25</v>
      </c>
      <c r="B14" s="17"/>
      <c r="C14" s="13">
        <v>1434</v>
      </c>
      <c r="D14" s="19">
        <v>752</v>
      </c>
      <c r="E14" s="19">
        <v>682</v>
      </c>
      <c r="F14" s="19"/>
      <c r="G14" s="18" t="s">
        <v>26</v>
      </c>
      <c r="H14" s="17"/>
      <c r="I14" s="13">
        <v>2374</v>
      </c>
      <c r="J14" s="19">
        <v>1184</v>
      </c>
      <c r="K14" s="19">
        <v>1190</v>
      </c>
    </row>
    <row r="15" spans="1:11" ht="15" customHeight="1">
      <c r="A15" s="17" t="s">
        <v>27</v>
      </c>
      <c r="B15" s="17"/>
      <c r="C15" s="13">
        <v>1473</v>
      </c>
      <c r="D15" s="19">
        <v>774</v>
      </c>
      <c r="E15" s="19">
        <v>699</v>
      </c>
      <c r="F15" s="19"/>
      <c r="G15" s="18" t="s">
        <v>28</v>
      </c>
      <c r="H15" s="17"/>
      <c r="I15" s="13">
        <v>2321</v>
      </c>
      <c r="J15" s="19">
        <v>1176</v>
      </c>
      <c r="K15" s="19">
        <v>1145</v>
      </c>
    </row>
    <row r="16" spans="1:11" ht="15" customHeight="1">
      <c r="A16" s="17" t="s">
        <v>29</v>
      </c>
      <c r="B16" s="17"/>
      <c r="C16" s="13">
        <v>1538</v>
      </c>
      <c r="D16" s="19">
        <v>784</v>
      </c>
      <c r="E16" s="19">
        <v>754</v>
      </c>
      <c r="F16" s="19"/>
      <c r="G16" s="18" t="s">
        <v>30</v>
      </c>
      <c r="H16" s="17"/>
      <c r="I16" s="13">
        <v>2381</v>
      </c>
      <c r="J16" s="19">
        <v>1222</v>
      </c>
      <c r="K16" s="19">
        <v>1159</v>
      </c>
    </row>
    <row r="17" spans="1:11" ht="20.100000000000001" customHeight="1">
      <c r="A17" s="20" t="s">
        <v>31</v>
      </c>
      <c r="B17" s="20"/>
      <c r="C17" s="13">
        <v>7773</v>
      </c>
      <c r="D17" s="14">
        <v>3990</v>
      </c>
      <c r="E17" s="14">
        <v>3783</v>
      </c>
      <c r="F17" s="14"/>
      <c r="G17" s="18" t="s">
        <v>32</v>
      </c>
      <c r="H17" s="17"/>
      <c r="I17" s="13">
        <v>11509</v>
      </c>
      <c r="J17" s="14">
        <v>5581</v>
      </c>
      <c r="K17" s="14">
        <v>5928</v>
      </c>
    </row>
    <row r="18" spans="1:11" ht="15" customHeight="1">
      <c r="A18" s="17" t="s">
        <v>33</v>
      </c>
      <c r="B18" s="17"/>
      <c r="C18" s="13">
        <v>1568</v>
      </c>
      <c r="D18" s="19">
        <v>818</v>
      </c>
      <c r="E18" s="19">
        <v>750</v>
      </c>
      <c r="F18" s="19"/>
      <c r="G18" s="18" t="s">
        <v>34</v>
      </c>
      <c r="H18" s="17"/>
      <c r="I18" s="13">
        <v>2383</v>
      </c>
      <c r="J18" s="19">
        <v>1188</v>
      </c>
      <c r="K18" s="19">
        <v>1195</v>
      </c>
    </row>
    <row r="19" spans="1:11" ht="15" customHeight="1">
      <c r="A19" s="17" t="s">
        <v>35</v>
      </c>
      <c r="B19" s="17"/>
      <c r="C19" s="13">
        <v>1541</v>
      </c>
      <c r="D19" s="19">
        <v>781</v>
      </c>
      <c r="E19" s="19">
        <v>760</v>
      </c>
      <c r="F19" s="19"/>
      <c r="G19" s="18" t="s">
        <v>36</v>
      </c>
      <c r="H19" s="17"/>
      <c r="I19" s="13">
        <v>2247</v>
      </c>
      <c r="J19" s="19">
        <v>1095</v>
      </c>
      <c r="K19" s="19">
        <v>1152</v>
      </c>
    </row>
    <row r="20" spans="1:11" ht="15" customHeight="1">
      <c r="A20" s="17" t="s">
        <v>37</v>
      </c>
      <c r="B20" s="17"/>
      <c r="C20" s="13">
        <v>1537</v>
      </c>
      <c r="D20" s="19">
        <v>789</v>
      </c>
      <c r="E20" s="19">
        <v>748</v>
      </c>
      <c r="F20" s="19"/>
      <c r="G20" s="18" t="s">
        <v>38</v>
      </c>
      <c r="H20" s="17"/>
      <c r="I20" s="13">
        <v>2206</v>
      </c>
      <c r="J20" s="19">
        <v>1069</v>
      </c>
      <c r="K20" s="19">
        <v>1137</v>
      </c>
    </row>
    <row r="21" spans="1:11" ht="15" customHeight="1">
      <c r="A21" s="17" t="s">
        <v>39</v>
      </c>
      <c r="B21" s="17"/>
      <c r="C21" s="13">
        <v>1536</v>
      </c>
      <c r="D21" s="19">
        <v>773</v>
      </c>
      <c r="E21" s="19">
        <v>763</v>
      </c>
      <c r="F21" s="19"/>
      <c r="G21" s="18" t="s">
        <v>40</v>
      </c>
      <c r="H21" s="17"/>
      <c r="I21" s="13">
        <v>2339</v>
      </c>
      <c r="J21" s="19">
        <v>1118</v>
      </c>
      <c r="K21" s="19">
        <v>1221</v>
      </c>
    </row>
    <row r="22" spans="1:11" ht="15" customHeight="1">
      <c r="A22" s="17" t="s">
        <v>41</v>
      </c>
      <c r="B22" s="17"/>
      <c r="C22" s="13">
        <v>1591</v>
      </c>
      <c r="D22" s="19">
        <v>829</v>
      </c>
      <c r="E22" s="19">
        <v>762</v>
      </c>
      <c r="F22" s="19"/>
      <c r="G22" s="18" t="s">
        <v>42</v>
      </c>
      <c r="H22" s="17"/>
      <c r="I22" s="13">
        <v>2334</v>
      </c>
      <c r="J22" s="19">
        <v>1111</v>
      </c>
      <c r="K22" s="19">
        <v>1223</v>
      </c>
    </row>
    <row r="23" spans="1:11" ht="20.100000000000001" customHeight="1">
      <c r="A23" s="17" t="s">
        <v>43</v>
      </c>
      <c r="B23" s="17"/>
      <c r="C23" s="13">
        <v>9002</v>
      </c>
      <c r="D23" s="14">
        <v>4514</v>
      </c>
      <c r="E23" s="14">
        <v>4488</v>
      </c>
      <c r="F23" s="14"/>
      <c r="G23" s="18" t="s">
        <v>44</v>
      </c>
      <c r="H23" s="17"/>
      <c r="I23" s="13">
        <v>14541</v>
      </c>
      <c r="J23" s="14">
        <v>7093</v>
      </c>
      <c r="K23" s="14">
        <v>7448</v>
      </c>
    </row>
    <row r="24" spans="1:11" ht="15" customHeight="1">
      <c r="A24" s="17" t="s">
        <v>45</v>
      </c>
      <c r="B24" s="17"/>
      <c r="C24" s="13">
        <v>1751</v>
      </c>
      <c r="D24" s="19">
        <v>880</v>
      </c>
      <c r="E24" s="19">
        <v>871</v>
      </c>
      <c r="F24" s="19"/>
      <c r="G24" s="18" t="s">
        <v>46</v>
      </c>
      <c r="H24" s="17"/>
      <c r="I24" s="13">
        <v>2477</v>
      </c>
      <c r="J24" s="19">
        <v>1227</v>
      </c>
      <c r="K24" s="19">
        <v>1250</v>
      </c>
    </row>
    <row r="25" spans="1:11" ht="15" customHeight="1">
      <c r="A25" s="17" t="s">
        <v>47</v>
      </c>
      <c r="B25" s="17"/>
      <c r="C25" s="13">
        <v>1780</v>
      </c>
      <c r="D25" s="19">
        <v>885</v>
      </c>
      <c r="E25" s="19">
        <v>895</v>
      </c>
      <c r="F25" s="19"/>
      <c r="G25" s="18" t="s">
        <v>48</v>
      </c>
      <c r="H25" s="17"/>
      <c r="I25" s="13">
        <v>2687</v>
      </c>
      <c r="J25" s="19">
        <v>1372</v>
      </c>
      <c r="K25" s="19">
        <v>1315</v>
      </c>
    </row>
    <row r="26" spans="1:11" ht="15" customHeight="1">
      <c r="A26" s="17" t="s">
        <v>49</v>
      </c>
      <c r="B26" s="17"/>
      <c r="C26" s="13">
        <v>1762</v>
      </c>
      <c r="D26" s="19">
        <v>917</v>
      </c>
      <c r="E26" s="19">
        <v>845</v>
      </c>
      <c r="F26" s="19"/>
      <c r="G26" s="18" t="s">
        <v>50</v>
      </c>
      <c r="H26" s="17"/>
      <c r="I26" s="13">
        <v>2895</v>
      </c>
      <c r="J26" s="19">
        <v>1377</v>
      </c>
      <c r="K26" s="19">
        <v>1518</v>
      </c>
    </row>
    <row r="27" spans="1:11" ht="15" customHeight="1">
      <c r="A27" s="17" t="s">
        <v>51</v>
      </c>
      <c r="B27" s="17"/>
      <c r="C27" s="13">
        <v>1834</v>
      </c>
      <c r="D27" s="19">
        <v>877</v>
      </c>
      <c r="E27" s="19">
        <v>957</v>
      </c>
      <c r="F27" s="19"/>
      <c r="G27" s="18" t="s">
        <v>52</v>
      </c>
      <c r="H27" s="17"/>
      <c r="I27" s="13">
        <v>3034</v>
      </c>
      <c r="J27" s="19">
        <v>1480</v>
      </c>
      <c r="K27" s="19">
        <v>1554</v>
      </c>
    </row>
    <row r="28" spans="1:11" ht="15" customHeight="1">
      <c r="A28" s="17" t="s">
        <v>53</v>
      </c>
      <c r="B28" s="17"/>
      <c r="C28" s="13">
        <v>1875</v>
      </c>
      <c r="D28" s="19">
        <v>955</v>
      </c>
      <c r="E28" s="19">
        <v>920</v>
      </c>
      <c r="F28" s="19"/>
      <c r="G28" s="18" t="s">
        <v>54</v>
      </c>
      <c r="H28" s="17"/>
      <c r="I28" s="13">
        <v>3448</v>
      </c>
      <c r="J28" s="19">
        <v>1637</v>
      </c>
      <c r="K28" s="19">
        <v>1811</v>
      </c>
    </row>
    <row r="29" spans="1:11" ht="20.100000000000001" customHeight="1">
      <c r="A29" s="17" t="s">
        <v>55</v>
      </c>
      <c r="B29" s="17"/>
      <c r="C29" s="13">
        <v>9064</v>
      </c>
      <c r="D29" s="14">
        <v>4601</v>
      </c>
      <c r="E29" s="14">
        <v>4463</v>
      </c>
      <c r="F29" s="14"/>
      <c r="G29" s="18" t="s">
        <v>56</v>
      </c>
      <c r="H29" s="17"/>
      <c r="I29" s="13">
        <v>13326</v>
      </c>
      <c r="J29" s="14">
        <v>6347</v>
      </c>
      <c r="K29" s="14">
        <v>6979</v>
      </c>
    </row>
    <row r="30" spans="1:11" ht="15" customHeight="1">
      <c r="A30" s="17" t="s">
        <v>57</v>
      </c>
      <c r="B30" s="17"/>
      <c r="C30" s="13">
        <v>1851</v>
      </c>
      <c r="D30" s="19">
        <v>968</v>
      </c>
      <c r="E30" s="19">
        <v>883</v>
      </c>
      <c r="F30" s="19"/>
      <c r="G30" s="18" t="s">
        <v>58</v>
      </c>
      <c r="H30" s="17"/>
      <c r="I30" s="13">
        <v>3246</v>
      </c>
      <c r="J30" s="19">
        <v>1590</v>
      </c>
      <c r="K30" s="19">
        <v>1656</v>
      </c>
    </row>
    <row r="31" spans="1:11" ht="15" customHeight="1">
      <c r="A31" s="17" t="s">
        <v>59</v>
      </c>
      <c r="B31" s="17"/>
      <c r="C31" s="13">
        <v>1890</v>
      </c>
      <c r="D31" s="19">
        <v>942</v>
      </c>
      <c r="E31" s="19">
        <v>948</v>
      </c>
      <c r="F31" s="19"/>
      <c r="G31" s="18" t="s">
        <v>60</v>
      </c>
      <c r="H31" s="17"/>
      <c r="I31" s="13">
        <v>3318</v>
      </c>
      <c r="J31" s="19">
        <v>1628</v>
      </c>
      <c r="K31" s="19">
        <v>1690</v>
      </c>
    </row>
    <row r="32" spans="1:11" ht="15" customHeight="1">
      <c r="A32" s="17" t="s">
        <v>61</v>
      </c>
      <c r="B32" s="17"/>
      <c r="C32" s="13">
        <v>1893</v>
      </c>
      <c r="D32" s="19">
        <v>958</v>
      </c>
      <c r="E32" s="19">
        <v>935</v>
      </c>
      <c r="F32" s="19"/>
      <c r="G32" s="18" t="s">
        <v>62</v>
      </c>
      <c r="H32" s="17"/>
      <c r="I32" s="13">
        <v>2281</v>
      </c>
      <c r="J32" s="19">
        <v>1087</v>
      </c>
      <c r="K32" s="19">
        <v>1194</v>
      </c>
    </row>
    <row r="33" spans="1:11" ht="15" customHeight="1">
      <c r="A33" s="17" t="s">
        <v>63</v>
      </c>
      <c r="B33" s="17"/>
      <c r="C33" s="13">
        <v>1677</v>
      </c>
      <c r="D33" s="19">
        <v>883</v>
      </c>
      <c r="E33" s="19">
        <v>794</v>
      </c>
      <c r="F33" s="19"/>
      <c r="G33" s="18" t="s">
        <v>64</v>
      </c>
      <c r="H33" s="17"/>
      <c r="I33" s="13">
        <v>2037</v>
      </c>
      <c r="J33" s="19">
        <v>904</v>
      </c>
      <c r="K33" s="19">
        <v>1133</v>
      </c>
    </row>
    <row r="34" spans="1:11" ht="15" customHeight="1">
      <c r="A34" s="17" t="s">
        <v>65</v>
      </c>
      <c r="B34" s="17"/>
      <c r="C34" s="13">
        <v>1753</v>
      </c>
      <c r="D34" s="19">
        <v>850</v>
      </c>
      <c r="E34" s="19">
        <v>903</v>
      </c>
      <c r="F34" s="19"/>
      <c r="G34" s="18" t="s">
        <v>66</v>
      </c>
      <c r="H34" s="17"/>
      <c r="I34" s="13">
        <v>2444</v>
      </c>
      <c r="J34" s="19">
        <v>1138</v>
      </c>
      <c r="K34" s="19">
        <v>1306</v>
      </c>
    </row>
    <row r="35" spans="1:11" ht="20.100000000000001" customHeight="1">
      <c r="A35" s="17" t="s">
        <v>67</v>
      </c>
      <c r="B35" s="17"/>
      <c r="C35" s="13">
        <v>8386</v>
      </c>
      <c r="D35" s="14">
        <v>4220</v>
      </c>
      <c r="E35" s="14">
        <v>4166</v>
      </c>
      <c r="F35" s="14"/>
      <c r="G35" s="18" t="s">
        <v>68</v>
      </c>
      <c r="H35" s="17"/>
      <c r="I35" s="13">
        <v>11555</v>
      </c>
      <c r="J35" s="14">
        <v>5104</v>
      </c>
      <c r="K35" s="14">
        <v>6451</v>
      </c>
    </row>
    <row r="36" spans="1:11" ht="15" customHeight="1">
      <c r="A36" s="17" t="s">
        <v>69</v>
      </c>
      <c r="B36" s="17"/>
      <c r="C36" s="13">
        <v>1640</v>
      </c>
      <c r="D36" s="19">
        <v>833</v>
      </c>
      <c r="E36" s="19">
        <v>807</v>
      </c>
      <c r="F36" s="19"/>
      <c r="G36" s="18" t="s">
        <v>70</v>
      </c>
      <c r="H36" s="17"/>
      <c r="I36" s="13">
        <v>2636</v>
      </c>
      <c r="J36" s="19">
        <v>1217</v>
      </c>
      <c r="K36" s="19">
        <v>1419</v>
      </c>
    </row>
    <row r="37" spans="1:11" ht="15" customHeight="1">
      <c r="A37" s="17" t="s">
        <v>71</v>
      </c>
      <c r="B37" s="17"/>
      <c r="C37" s="13">
        <v>1687</v>
      </c>
      <c r="D37" s="19">
        <v>839</v>
      </c>
      <c r="E37" s="19">
        <v>848</v>
      </c>
      <c r="F37" s="19"/>
      <c r="G37" s="18" t="s">
        <v>72</v>
      </c>
      <c r="H37" s="17"/>
      <c r="I37" s="13">
        <v>2418</v>
      </c>
      <c r="J37" s="19">
        <v>1050</v>
      </c>
      <c r="K37" s="19">
        <v>1368</v>
      </c>
    </row>
    <row r="38" spans="1:11" ht="15" customHeight="1">
      <c r="A38" s="17" t="s">
        <v>73</v>
      </c>
      <c r="B38" s="17"/>
      <c r="C38" s="13">
        <v>1684</v>
      </c>
      <c r="D38" s="19">
        <v>848</v>
      </c>
      <c r="E38" s="19">
        <v>836</v>
      </c>
      <c r="F38" s="19"/>
      <c r="G38" s="18" t="s">
        <v>74</v>
      </c>
      <c r="H38" s="17"/>
      <c r="I38" s="13">
        <v>2363</v>
      </c>
      <c r="J38" s="19">
        <v>1032</v>
      </c>
      <c r="K38" s="19">
        <v>1331</v>
      </c>
    </row>
    <row r="39" spans="1:11" ht="15" customHeight="1">
      <c r="A39" s="17" t="s">
        <v>75</v>
      </c>
      <c r="B39" s="17"/>
      <c r="C39" s="13">
        <v>1653</v>
      </c>
      <c r="D39" s="19">
        <v>848</v>
      </c>
      <c r="E39" s="19">
        <v>805</v>
      </c>
      <c r="F39" s="19"/>
      <c r="G39" s="18" t="s">
        <v>76</v>
      </c>
      <c r="H39" s="17"/>
      <c r="I39" s="13">
        <v>2236</v>
      </c>
      <c r="J39" s="19">
        <v>1006</v>
      </c>
      <c r="K39" s="19">
        <v>1230</v>
      </c>
    </row>
    <row r="40" spans="1:11" ht="15" customHeight="1">
      <c r="A40" s="17" t="s">
        <v>77</v>
      </c>
      <c r="B40" s="17"/>
      <c r="C40" s="13">
        <v>1722</v>
      </c>
      <c r="D40" s="19">
        <v>852</v>
      </c>
      <c r="E40" s="19">
        <v>870</v>
      </c>
      <c r="F40" s="19"/>
      <c r="G40" s="18" t="s">
        <v>78</v>
      </c>
      <c r="H40" s="17"/>
      <c r="I40" s="13">
        <v>1902</v>
      </c>
      <c r="J40" s="19">
        <v>799</v>
      </c>
      <c r="K40" s="19">
        <v>1103</v>
      </c>
    </row>
    <row r="41" spans="1:11" ht="20.100000000000001" customHeight="1">
      <c r="A41" s="17" t="s">
        <v>79</v>
      </c>
      <c r="B41" s="17"/>
      <c r="C41" s="13">
        <v>9310</v>
      </c>
      <c r="D41" s="14">
        <v>4686</v>
      </c>
      <c r="E41" s="14">
        <v>4624</v>
      </c>
      <c r="F41" s="14"/>
      <c r="G41" s="18" t="s">
        <v>80</v>
      </c>
      <c r="H41" s="17"/>
      <c r="I41" s="13">
        <v>8470</v>
      </c>
      <c r="J41" s="14">
        <v>3494</v>
      </c>
      <c r="K41" s="14">
        <v>4976</v>
      </c>
    </row>
    <row r="42" spans="1:11" ht="15" customHeight="1">
      <c r="A42" s="17" t="s">
        <v>81</v>
      </c>
      <c r="B42" s="17"/>
      <c r="C42" s="13">
        <v>1743</v>
      </c>
      <c r="D42" s="19">
        <v>864</v>
      </c>
      <c r="E42" s="19">
        <v>879</v>
      </c>
      <c r="F42" s="19"/>
      <c r="G42" s="18" t="s">
        <v>82</v>
      </c>
      <c r="H42" s="17"/>
      <c r="I42" s="13">
        <v>1758</v>
      </c>
      <c r="J42" s="19">
        <v>750</v>
      </c>
      <c r="K42" s="19">
        <v>1008</v>
      </c>
    </row>
    <row r="43" spans="1:11" ht="15" customHeight="1">
      <c r="A43" s="17" t="s">
        <v>83</v>
      </c>
      <c r="B43" s="17"/>
      <c r="C43" s="13">
        <v>1809</v>
      </c>
      <c r="D43" s="19">
        <v>901</v>
      </c>
      <c r="E43" s="19">
        <v>908</v>
      </c>
      <c r="F43" s="19"/>
      <c r="G43" s="18" t="s">
        <v>84</v>
      </c>
      <c r="H43" s="17"/>
      <c r="I43" s="13">
        <v>1919</v>
      </c>
      <c r="J43" s="19">
        <v>813</v>
      </c>
      <c r="K43" s="19">
        <v>1106</v>
      </c>
    </row>
    <row r="44" spans="1:11" ht="15" customHeight="1">
      <c r="A44" s="17" t="s">
        <v>85</v>
      </c>
      <c r="B44" s="17"/>
      <c r="C44" s="13">
        <v>1798</v>
      </c>
      <c r="D44" s="19">
        <v>894</v>
      </c>
      <c r="E44" s="19">
        <v>904</v>
      </c>
      <c r="F44" s="19"/>
      <c r="G44" s="18" t="s">
        <v>86</v>
      </c>
      <c r="H44" s="17"/>
      <c r="I44" s="13">
        <v>1670</v>
      </c>
      <c r="J44" s="19">
        <v>670</v>
      </c>
      <c r="K44" s="19">
        <v>1000</v>
      </c>
    </row>
    <row r="45" spans="1:11" ht="15" customHeight="1">
      <c r="A45" s="17" t="s">
        <v>87</v>
      </c>
      <c r="B45" s="17"/>
      <c r="C45" s="13">
        <v>1967</v>
      </c>
      <c r="D45" s="19">
        <v>1046</v>
      </c>
      <c r="E45" s="19">
        <v>921</v>
      </c>
      <c r="F45" s="19"/>
      <c r="G45" s="18" t="s">
        <v>88</v>
      </c>
      <c r="H45" s="17"/>
      <c r="I45" s="13">
        <v>1659</v>
      </c>
      <c r="J45" s="19">
        <v>682</v>
      </c>
      <c r="K45" s="19">
        <v>977</v>
      </c>
    </row>
    <row r="46" spans="1:11" ht="15" customHeight="1">
      <c r="A46" s="17" t="s">
        <v>89</v>
      </c>
      <c r="B46" s="17"/>
      <c r="C46" s="13">
        <v>1993</v>
      </c>
      <c r="D46" s="19">
        <v>981</v>
      </c>
      <c r="E46" s="19">
        <v>1012</v>
      </c>
      <c r="F46" s="19"/>
      <c r="G46" s="18" t="s">
        <v>90</v>
      </c>
      <c r="H46" s="17"/>
      <c r="I46" s="13">
        <v>1464</v>
      </c>
      <c r="J46" s="19">
        <v>579</v>
      </c>
      <c r="K46" s="19">
        <v>885</v>
      </c>
    </row>
    <row r="47" spans="1:11" ht="20.100000000000001" customHeight="1">
      <c r="A47" s="17" t="s">
        <v>91</v>
      </c>
      <c r="B47" s="17"/>
      <c r="C47" s="13">
        <v>10833</v>
      </c>
      <c r="D47" s="14">
        <v>5438</v>
      </c>
      <c r="E47" s="14">
        <v>5395</v>
      </c>
      <c r="F47" s="14"/>
      <c r="G47" s="18" t="s">
        <v>92</v>
      </c>
      <c r="H47" s="17"/>
      <c r="I47" s="13">
        <v>5399</v>
      </c>
      <c r="J47" s="14">
        <v>1936</v>
      </c>
      <c r="K47" s="14">
        <v>3463</v>
      </c>
    </row>
    <row r="48" spans="1:11" ht="15" customHeight="1">
      <c r="A48" s="17" t="s">
        <v>93</v>
      </c>
      <c r="B48" s="17"/>
      <c r="C48" s="13">
        <v>2075</v>
      </c>
      <c r="D48" s="19">
        <v>1030</v>
      </c>
      <c r="E48" s="19">
        <v>1045</v>
      </c>
      <c r="F48" s="19"/>
      <c r="G48" s="18" t="s">
        <v>94</v>
      </c>
      <c r="H48" s="17"/>
      <c r="I48" s="13">
        <v>1376</v>
      </c>
      <c r="J48" s="19">
        <v>529</v>
      </c>
      <c r="K48" s="19">
        <v>847</v>
      </c>
    </row>
    <row r="49" spans="1:11" ht="15" customHeight="1">
      <c r="A49" s="17" t="s">
        <v>95</v>
      </c>
      <c r="B49" s="17"/>
      <c r="C49" s="13">
        <v>2110</v>
      </c>
      <c r="D49" s="19">
        <v>1055</v>
      </c>
      <c r="E49" s="19">
        <v>1055</v>
      </c>
      <c r="F49" s="19"/>
      <c r="G49" s="18" t="s">
        <v>96</v>
      </c>
      <c r="H49" s="17"/>
      <c r="I49" s="13">
        <v>1201</v>
      </c>
      <c r="J49" s="19">
        <v>446</v>
      </c>
      <c r="K49" s="19">
        <v>755</v>
      </c>
    </row>
    <row r="50" spans="1:11" ht="15" customHeight="1">
      <c r="A50" s="17" t="s">
        <v>97</v>
      </c>
      <c r="B50" s="17"/>
      <c r="C50" s="13">
        <v>2152</v>
      </c>
      <c r="D50" s="19">
        <v>1061</v>
      </c>
      <c r="E50" s="19">
        <v>1091</v>
      </c>
      <c r="F50" s="19"/>
      <c r="G50" s="18" t="s">
        <v>98</v>
      </c>
      <c r="H50" s="17"/>
      <c r="I50" s="13">
        <v>1083</v>
      </c>
      <c r="J50" s="19">
        <v>400</v>
      </c>
      <c r="K50" s="19">
        <v>683</v>
      </c>
    </row>
    <row r="51" spans="1:11" ht="15" customHeight="1">
      <c r="A51" s="17" t="s">
        <v>99</v>
      </c>
      <c r="B51" s="17"/>
      <c r="C51" s="13">
        <v>2231</v>
      </c>
      <c r="D51" s="19">
        <v>1108</v>
      </c>
      <c r="E51" s="19">
        <v>1123</v>
      </c>
      <c r="F51" s="19"/>
      <c r="G51" s="18" t="s">
        <v>100</v>
      </c>
      <c r="H51" s="17"/>
      <c r="I51" s="13">
        <v>913</v>
      </c>
      <c r="J51" s="19">
        <v>299</v>
      </c>
      <c r="K51" s="19">
        <v>614</v>
      </c>
    </row>
    <row r="52" spans="1:11" ht="15" customHeight="1">
      <c r="A52" s="17" t="s">
        <v>101</v>
      </c>
      <c r="B52" s="17"/>
      <c r="C52" s="13">
        <v>2265</v>
      </c>
      <c r="D52" s="19">
        <v>1184</v>
      </c>
      <c r="E52" s="19">
        <v>1081</v>
      </c>
      <c r="F52" s="19"/>
      <c r="G52" s="18" t="s">
        <v>102</v>
      </c>
      <c r="H52" s="17"/>
      <c r="I52" s="13">
        <v>826</v>
      </c>
      <c r="J52" s="19">
        <v>262</v>
      </c>
      <c r="K52" s="19">
        <v>564</v>
      </c>
    </row>
    <row r="53" spans="1:11" ht="20.100000000000001" customHeight="1">
      <c r="A53" s="17" t="s">
        <v>103</v>
      </c>
      <c r="B53" s="17"/>
      <c r="C53" s="13">
        <v>12988</v>
      </c>
      <c r="D53" s="14">
        <v>6572</v>
      </c>
      <c r="E53" s="14">
        <v>6416</v>
      </c>
      <c r="F53" s="14"/>
      <c r="G53" s="18" t="s">
        <v>104</v>
      </c>
      <c r="H53" s="17"/>
      <c r="I53" s="13">
        <v>2585</v>
      </c>
      <c r="J53" s="14">
        <v>715</v>
      </c>
      <c r="K53" s="14">
        <v>1870</v>
      </c>
    </row>
    <row r="54" spans="1:11" ht="15" customHeight="1">
      <c r="A54" s="17" t="s">
        <v>105</v>
      </c>
      <c r="B54" s="17"/>
      <c r="C54" s="13">
        <v>2398</v>
      </c>
      <c r="D54" s="19">
        <v>1198</v>
      </c>
      <c r="E54" s="19">
        <v>1200</v>
      </c>
      <c r="F54" s="19"/>
      <c r="G54" s="18" t="s">
        <v>106</v>
      </c>
      <c r="H54" s="17"/>
      <c r="I54" s="13">
        <v>722</v>
      </c>
      <c r="J54" s="19">
        <v>209</v>
      </c>
      <c r="K54" s="19">
        <v>513</v>
      </c>
    </row>
    <row r="55" spans="1:11" ht="15" customHeight="1">
      <c r="A55" s="17" t="s">
        <v>107</v>
      </c>
      <c r="B55" s="17"/>
      <c r="C55" s="13">
        <v>2471</v>
      </c>
      <c r="D55" s="19">
        <v>1262</v>
      </c>
      <c r="E55" s="19">
        <v>1209</v>
      </c>
      <c r="F55" s="19"/>
      <c r="G55" s="18" t="s">
        <v>108</v>
      </c>
      <c r="H55" s="17"/>
      <c r="I55" s="13">
        <v>617</v>
      </c>
      <c r="J55" s="19">
        <v>171</v>
      </c>
      <c r="K55" s="19">
        <v>446</v>
      </c>
    </row>
    <row r="56" spans="1:11" ht="15" customHeight="1">
      <c r="A56" s="17" t="s">
        <v>109</v>
      </c>
      <c r="B56" s="17"/>
      <c r="C56" s="13">
        <v>2424</v>
      </c>
      <c r="D56" s="19">
        <v>1183</v>
      </c>
      <c r="E56" s="19">
        <v>1241</v>
      </c>
      <c r="F56" s="19"/>
      <c r="G56" s="18" t="s">
        <v>110</v>
      </c>
      <c r="H56" s="17"/>
      <c r="I56" s="13">
        <v>521</v>
      </c>
      <c r="J56" s="19">
        <v>154</v>
      </c>
      <c r="K56" s="19">
        <v>367</v>
      </c>
    </row>
    <row r="57" spans="1:11" ht="15" customHeight="1">
      <c r="A57" s="17" t="s">
        <v>111</v>
      </c>
      <c r="B57" s="17"/>
      <c r="C57" s="13">
        <v>2796</v>
      </c>
      <c r="D57" s="19">
        <v>1457</v>
      </c>
      <c r="E57" s="19">
        <v>1339</v>
      </c>
      <c r="F57" s="19"/>
      <c r="G57" s="18" t="s">
        <v>112</v>
      </c>
      <c r="H57" s="17"/>
      <c r="I57" s="13">
        <v>417</v>
      </c>
      <c r="J57" s="19">
        <v>106</v>
      </c>
      <c r="K57" s="19">
        <v>311</v>
      </c>
    </row>
    <row r="58" spans="1:11" ht="15" customHeight="1">
      <c r="A58" s="17" t="s">
        <v>113</v>
      </c>
      <c r="B58" s="17"/>
      <c r="C58" s="13">
        <v>2899</v>
      </c>
      <c r="D58" s="19">
        <v>1472</v>
      </c>
      <c r="E58" s="19">
        <v>1427</v>
      </c>
      <c r="F58" s="19"/>
      <c r="G58" s="18" t="s">
        <v>114</v>
      </c>
      <c r="H58" s="17"/>
      <c r="I58" s="13">
        <v>308</v>
      </c>
      <c r="J58" s="19">
        <v>75</v>
      </c>
      <c r="K58" s="19">
        <v>233</v>
      </c>
    </row>
    <row r="59" spans="1:11" ht="20.100000000000001" customHeight="1">
      <c r="A59" s="17" t="s">
        <v>115</v>
      </c>
      <c r="B59" s="17"/>
      <c r="C59" s="13">
        <v>14979</v>
      </c>
      <c r="D59" s="14">
        <v>7572</v>
      </c>
      <c r="E59" s="14">
        <v>7407</v>
      </c>
      <c r="F59" s="14"/>
      <c r="G59" s="18" t="s">
        <v>116</v>
      </c>
      <c r="H59" s="17"/>
      <c r="I59" s="13">
        <v>649</v>
      </c>
      <c r="J59" s="14">
        <v>131</v>
      </c>
      <c r="K59" s="14">
        <v>518</v>
      </c>
    </row>
    <row r="60" spans="1:11" ht="15" customHeight="1">
      <c r="A60" s="17" t="s">
        <v>117</v>
      </c>
      <c r="B60" s="17"/>
      <c r="C60" s="13">
        <v>2999</v>
      </c>
      <c r="D60" s="19">
        <v>1512</v>
      </c>
      <c r="E60" s="19">
        <v>1487</v>
      </c>
      <c r="F60" s="19"/>
      <c r="G60" s="18" t="s">
        <v>118</v>
      </c>
      <c r="H60" s="17"/>
      <c r="I60" s="13">
        <v>230</v>
      </c>
      <c r="J60" s="19">
        <v>47</v>
      </c>
      <c r="K60" s="19">
        <v>183</v>
      </c>
    </row>
    <row r="61" spans="1:11" ht="15" customHeight="1">
      <c r="A61" s="17" t="s">
        <v>119</v>
      </c>
      <c r="B61" s="17"/>
      <c r="C61" s="13">
        <v>3070</v>
      </c>
      <c r="D61" s="19">
        <v>1529</v>
      </c>
      <c r="E61" s="19">
        <v>1541</v>
      </c>
      <c r="F61" s="19"/>
      <c r="G61" s="18" t="s">
        <v>120</v>
      </c>
      <c r="H61" s="17"/>
      <c r="I61" s="13">
        <v>164</v>
      </c>
      <c r="J61" s="19">
        <v>36</v>
      </c>
      <c r="K61" s="19">
        <v>128</v>
      </c>
    </row>
    <row r="62" spans="1:11" ht="15" customHeight="1">
      <c r="A62" s="17" t="s">
        <v>121</v>
      </c>
      <c r="B62" s="17"/>
      <c r="C62" s="13">
        <v>3018</v>
      </c>
      <c r="D62" s="19">
        <v>1551</v>
      </c>
      <c r="E62" s="19">
        <v>1467</v>
      </c>
      <c r="F62" s="19"/>
      <c r="G62" s="18" t="s">
        <v>122</v>
      </c>
      <c r="H62" s="17"/>
      <c r="I62" s="13">
        <v>135</v>
      </c>
      <c r="J62" s="19">
        <v>28</v>
      </c>
      <c r="K62" s="19">
        <v>107</v>
      </c>
    </row>
    <row r="63" spans="1:11" ht="15" customHeight="1">
      <c r="A63" s="17" t="s">
        <v>123</v>
      </c>
      <c r="B63" s="17"/>
      <c r="C63" s="13">
        <v>2958</v>
      </c>
      <c r="D63" s="19">
        <v>1491</v>
      </c>
      <c r="E63" s="19">
        <v>1467</v>
      </c>
      <c r="F63" s="19"/>
      <c r="G63" s="18" t="s">
        <v>124</v>
      </c>
      <c r="H63" s="17"/>
      <c r="I63" s="13">
        <v>72</v>
      </c>
      <c r="J63" s="19">
        <v>14</v>
      </c>
      <c r="K63" s="19">
        <v>58</v>
      </c>
    </row>
    <row r="64" spans="1:11" ht="15" customHeight="1">
      <c r="A64" s="17" t="s">
        <v>125</v>
      </c>
      <c r="B64" s="17"/>
      <c r="C64" s="13">
        <v>2934</v>
      </c>
      <c r="D64" s="19">
        <v>1489</v>
      </c>
      <c r="E64" s="19">
        <v>1445</v>
      </c>
      <c r="F64" s="19"/>
      <c r="G64" s="18" t="s">
        <v>126</v>
      </c>
      <c r="H64" s="17"/>
      <c r="I64" s="13">
        <v>48</v>
      </c>
      <c r="J64" s="19">
        <v>6</v>
      </c>
      <c r="K64" s="19">
        <v>4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5</v>
      </c>
      <c r="J65" s="19">
        <v>16</v>
      </c>
      <c r="K65" s="19">
        <v>9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23</v>
      </c>
      <c r="J66" s="29">
        <v>682</v>
      </c>
      <c r="K66" s="29">
        <v>54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7" pageOrder="overThenDown" orientation="portrait" blackAndWhite="1" useFirstPageNumber="1" horizontalDpi="300" verticalDpi="300"/>
  <headerFooter scaleWithDoc="0"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78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2176</v>
      </c>
      <c r="D4" s="14">
        <v>20764</v>
      </c>
      <c r="E4" s="14">
        <v>2141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325</v>
      </c>
      <c r="D5" s="14">
        <v>697</v>
      </c>
      <c r="E5" s="14">
        <v>628</v>
      </c>
      <c r="F5" s="14"/>
      <c r="G5" s="18" t="s">
        <v>8</v>
      </c>
      <c r="H5" s="17"/>
      <c r="I5" s="13">
        <v>2969</v>
      </c>
      <c r="J5" s="14">
        <v>1524</v>
      </c>
      <c r="K5" s="14">
        <v>1445</v>
      </c>
    </row>
    <row r="6" spans="1:11" ht="15" customHeight="1">
      <c r="A6" s="17" t="s">
        <v>9</v>
      </c>
      <c r="B6" s="17"/>
      <c r="C6" s="13">
        <v>240</v>
      </c>
      <c r="D6" s="19">
        <v>117</v>
      </c>
      <c r="E6" s="19">
        <v>123</v>
      </c>
      <c r="F6" s="19"/>
      <c r="G6" s="18" t="s">
        <v>10</v>
      </c>
      <c r="H6" s="17"/>
      <c r="I6" s="13">
        <v>625</v>
      </c>
      <c r="J6" s="19">
        <v>332</v>
      </c>
      <c r="K6" s="19">
        <v>293</v>
      </c>
    </row>
    <row r="7" spans="1:11" ht="15" customHeight="1">
      <c r="A7" s="17" t="s">
        <v>11</v>
      </c>
      <c r="B7" s="17"/>
      <c r="C7" s="13">
        <v>249</v>
      </c>
      <c r="D7" s="19">
        <v>137</v>
      </c>
      <c r="E7" s="19">
        <v>112</v>
      </c>
      <c r="F7" s="19"/>
      <c r="G7" s="18" t="s">
        <v>12</v>
      </c>
      <c r="H7" s="17"/>
      <c r="I7" s="13">
        <v>639</v>
      </c>
      <c r="J7" s="19">
        <v>319</v>
      </c>
      <c r="K7" s="19">
        <v>320</v>
      </c>
    </row>
    <row r="8" spans="1:11" ht="15" customHeight="1">
      <c r="A8" s="17" t="s">
        <v>13</v>
      </c>
      <c r="B8" s="17"/>
      <c r="C8" s="13">
        <v>271</v>
      </c>
      <c r="D8" s="19">
        <v>155</v>
      </c>
      <c r="E8" s="19">
        <v>116</v>
      </c>
      <c r="F8" s="19"/>
      <c r="G8" s="18" t="s">
        <v>14</v>
      </c>
      <c r="H8" s="17"/>
      <c r="I8" s="13">
        <v>463</v>
      </c>
      <c r="J8" s="19">
        <v>233</v>
      </c>
      <c r="K8" s="19">
        <v>230</v>
      </c>
    </row>
    <row r="9" spans="1:11" ht="15" customHeight="1">
      <c r="A9" s="17" t="s">
        <v>15</v>
      </c>
      <c r="B9" s="17"/>
      <c r="C9" s="13">
        <v>280</v>
      </c>
      <c r="D9" s="19">
        <v>148</v>
      </c>
      <c r="E9" s="19">
        <v>132</v>
      </c>
      <c r="F9" s="19"/>
      <c r="G9" s="18" t="s">
        <v>16</v>
      </c>
      <c r="H9" s="17"/>
      <c r="I9" s="13">
        <v>665</v>
      </c>
      <c r="J9" s="19">
        <v>325</v>
      </c>
      <c r="K9" s="19">
        <v>340</v>
      </c>
    </row>
    <row r="10" spans="1:11" ht="15" customHeight="1">
      <c r="A10" s="17" t="s">
        <v>17</v>
      </c>
      <c r="B10" s="17"/>
      <c r="C10" s="13">
        <v>285</v>
      </c>
      <c r="D10" s="19">
        <v>140</v>
      </c>
      <c r="E10" s="19">
        <v>145</v>
      </c>
      <c r="F10" s="19"/>
      <c r="G10" s="18" t="s">
        <v>18</v>
      </c>
      <c r="H10" s="17"/>
      <c r="I10" s="13">
        <v>577</v>
      </c>
      <c r="J10" s="19">
        <v>315</v>
      </c>
      <c r="K10" s="19">
        <v>262</v>
      </c>
    </row>
    <row r="11" spans="1:11" ht="20.100000000000001" customHeight="1">
      <c r="A11" s="17" t="s">
        <v>19</v>
      </c>
      <c r="B11" s="17"/>
      <c r="C11" s="13">
        <v>1702</v>
      </c>
      <c r="D11" s="14">
        <v>871</v>
      </c>
      <c r="E11" s="14">
        <v>831</v>
      </c>
      <c r="F11" s="14"/>
      <c r="G11" s="18" t="s">
        <v>20</v>
      </c>
      <c r="H11" s="17"/>
      <c r="I11" s="13">
        <v>2515</v>
      </c>
      <c r="J11" s="14">
        <v>1257</v>
      </c>
      <c r="K11" s="14">
        <v>1258</v>
      </c>
    </row>
    <row r="12" spans="1:11" ht="15" customHeight="1">
      <c r="A12" s="17" t="s">
        <v>21</v>
      </c>
      <c r="B12" s="17"/>
      <c r="C12" s="13">
        <v>329</v>
      </c>
      <c r="D12" s="19">
        <v>171</v>
      </c>
      <c r="E12" s="19">
        <v>158</v>
      </c>
      <c r="F12" s="19"/>
      <c r="G12" s="18" t="s">
        <v>22</v>
      </c>
      <c r="H12" s="17"/>
      <c r="I12" s="13">
        <v>565</v>
      </c>
      <c r="J12" s="19">
        <v>276</v>
      </c>
      <c r="K12" s="19">
        <v>289</v>
      </c>
    </row>
    <row r="13" spans="1:11" ht="15" customHeight="1">
      <c r="A13" s="17" t="s">
        <v>23</v>
      </c>
      <c r="B13" s="17"/>
      <c r="C13" s="13">
        <v>340</v>
      </c>
      <c r="D13" s="19">
        <v>171</v>
      </c>
      <c r="E13" s="19">
        <v>169</v>
      </c>
      <c r="F13" s="19"/>
      <c r="G13" s="18" t="s">
        <v>24</v>
      </c>
      <c r="H13" s="17"/>
      <c r="I13" s="13">
        <v>478</v>
      </c>
      <c r="J13" s="19">
        <v>240</v>
      </c>
      <c r="K13" s="19">
        <v>238</v>
      </c>
    </row>
    <row r="14" spans="1:11" ht="15" customHeight="1">
      <c r="A14" s="17" t="s">
        <v>25</v>
      </c>
      <c r="B14" s="17"/>
      <c r="C14" s="13">
        <v>353</v>
      </c>
      <c r="D14" s="19">
        <v>180</v>
      </c>
      <c r="E14" s="19">
        <v>173</v>
      </c>
      <c r="F14" s="19"/>
      <c r="G14" s="18" t="s">
        <v>26</v>
      </c>
      <c r="H14" s="17"/>
      <c r="I14" s="13">
        <v>484</v>
      </c>
      <c r="J14" s="19">
        <v>244</v>
      </c>
      <c r="K14" s="19">
        <v>240</v>
      </c>
    </row>
    <row r="15" spans="1:11" ht="15" customHeight="1">
      <c r="A15" s="17" t="s">
        <v>27</v>
      </c>
      <c r="B15" s="17"/>
      <c r="C15" s="13">
        <v>356</v>
      </c>
      <c r="D15" s="19">
        <v>179</v>
      </c>
      <c r="E15" s="19">
        <v>177</v>
      </c>
      <c r="F15" s="19"/>
      <c r="G15" s="18" t="s">
        <v>28</v>
      </c>
      <c r="H15" s="17"/>
      <c r="I15" s="13">
        <v>499</v>
      </c>
      <c r="J15" s="19">
        <v>250</v>
      </c>
      <c r="K15" s="19">
        <v>249</v>
      </c>
    </row>
    <row r="16" spans="1:11" ht="15" customHeight="1">
      <c r="A16" s="17" t="s">
        <v>29</v>
      </c>
      <c r="B16" s="17"/>
      <c r="C16" s="13">
        <v>324</v>
      </c>
      <c r="D16" s="19">
        <v>170</v>
      </c>
      <c r="E16" s="19">
        <v>154</v>
      </c>
      <c r="F16" s="19"/>
      <c r="G16" s="18" t="s">
        <v>30</v>
      </c>
      <c r="H16" s="17"/>
      <c r="I16" s="13">
        <v>489</v>
      </c>
      <c r="J16" s="19">
        <v>247</v>
      </c>
      <c r="K16" s="19">
        <v>242</v>
      </c>
    </row>
    <row r="17" spans="1:11" ht="20.100000000000001" customHeight="1">
      <c r="A17" s="20" t="s">
        <v>31</v>
      </c>
      <c r="B17" s="20"/>
      <c r="C17" s="13">
        <v>1856</v>
      </c>
      <c r="D17" s="14">
        <v>955</v>
      </c>
      <c r="E17" s="14">
        <v>901</v>
      </c>
      <c r="F17" s="14"/>
      <c r="G17" s="18" t="s">
        <v>32</v>
      </c>
      <c r="H17" s="17"/>
      <c r="I17" s="13">
        <v>2487</v>
      </c>
      <c r="J17" s="14">
        <v>1257</v>
      </c>
      <c r="K17" s="14">
        <v>1230</v>
      </c>
    </row>
    <row r="18" spans="1:11" ht="15" customHeight="1">
      <c r="A18" s="17" t="s">
        <v>33</v>
      </c>
      <c r="B18" s="17"/>
      <c r="C18" s="13">
        <v>379</v>
      </c>
      <c r="D18" s="19">
        <v>201</v>
      </c>
      <c r="E18" s="19">
        <v>178</v>
      </c>
      <c r="F18" s="19"/>
      <c r="G18" s="18" t="s">
        <v>34</v>
      </c>
      <c r="H18" s="17"/>
      <c r="I18" s="13">
        <v>518</v>
      </c>
      <c r="J18" s="19">
        <v>263</v>
      </c>
      <c r="K18" s="19">
        <v>255</v>
      </c>
    </row>
    <row r="19" spans="1:11" ht="15" customHeight="1">
      <c r="A19" s="17" t="s">
        <v>35</v>
      </c>
      <c r="B19" s="17"/>
      <c r="C19" s="13">
        <v>365</v>
      </c>
      <c r="D19" s="19">
        <v>176</v>
      </c>
      <c r="E19" s="19">
        <v>189</v>
      </c>
      <c r="F19" s="19"/>
      <c r="G19" s="18" t="s">
        <v>36</v>
      </c>
      <c r="H19" s="17"/>
      <c r="I19" s="13">
        <v>445</v>
      </c>
      <c r="J19" s="19">
        <v>234</v>
      </c>
      <c r="K19" s="19">
        <v>211</v>
      </c>
    </row>
    <row r="20" spans="1:11" ht="15" customHeight="1">
      <c r="A20" s="17" t="s">
        <v>37</v>
      </c>
      <c r="B20" s="17"/>
      <c r="C20" s="13">
        <v>363</v>
      </c>
      <c r="D20" s="19">
        <v>189</v>
      </c>
      <c r="E20" s="19">
        <v>174</v>
      </c>
      <c r="F20" s="19"/>
      <c r="G20" s="18" t="s">
        <v>38</v>
      </c>
      <c r="H20" s="17"/>
      <c r="I20" s="13">
        <v>505</v>
      </c>
      <c r="J20" s="19">
        <v>263</v>
      </c>
      <c r="K20" s="19">
        <v>242</v>
      </c>
    </row>
    <row r="21" spans="1:11" ht="15" customHeight="1">
      <c r="A21" s="17" t="s">
        <v>39</v>
      </c>
      <c r="B21" s="17"/>
      <c r="C21" s="13">
        <v>366</v>
      </c>
      <c r="D21" s="19">
        <v>182</v>
      </c>
      <c r="E21" s="19">
        <v>184</v>
      </c>
      <c r="F21" s="19"/>
      <c r="G21" s="18" t="s">
        <v>40</v>
      </c>
      <c r="H21" s="17"/>
      <c r="I21" s="13">
        <v>514</v>
      </c>
      <c r="J21" s="19">
        <v>253</v>
      </c>
      <c r="K21" s="19">
        <v>261</v>
      </c>
    </row>
    <row r="22" spans="1:11" ht="15" customHeight="1">
      <c r="A22" s="17" t="s">
        <v>41</v>
      </c>
      <c r="B22" s="17"/>
      <c r="C22" s="13">
        <v>383</v>
      </c>
      <c r="D22" s="19">
        <v>207</v>
      </c>
      <c r="E22" s="19">
        <v>176</v>
      </c>
      <c r="F22" s="19"/>
      <c r="G22" s="18" t="s">
        <v>42</v>
      </c>
      <c r="H22" s="17"/>
      <c r="I22" s="13">
        <v>505</v>
      </c>
      <c r="J22" s="19">
        <v>244</v>
      </c>
      <c r="K22" s="19">
        <v>261</v>
      </c>
    </row>
    <row r="23" spans="1:11" ht="20.100000000000001" customHeight="1">
      <c r="A23" s="17" t="s">
        <v>43</v>
      </c>
      <c r="B23" s="17"/>
      <c r="C23" s="13">
        <v>2044</v>
      </c>
      <c r="D23" s="14">
        <v>1068</v>
      </c>
      <c r="E23" s="14">
        <v>976</v>
      </c>
      <c r="F23" s="14"/>
      <c r="G23" s="18" t="s">
        <v>44</v>
      </c>
      <c r="H23" s="17"/>
      <c r="I23" s="13">
        <v>3358</v>
      </c>
      <c r="J23" s="14">
        <v>1599</v>
      </c>
      <c r="K23" s="14">
        <v>1759</v>
      </c>
    </row>
    <row r="24" spans="1:11" ht="15" customHeight="1">
      <c r="A24" s="17" t="s">
        <v>45</v>
      </c>
      <c r="B24" s="17"/>
      <c r="C24" s="13">
        <v>395</v>
      </c>
      <c r="D24" s="19">
        <v>207</v>
      </c>
      <c r="E24" s="19">
        <v>188</v>
      </c>
      <c r="F24" s="19"/>
      <c r="G24" s="18" t="s">
        <v>46</v>
      </c>
      <c r="H24" s="17"/>
      <c r="I24" s="13">
        <v>542</v>
      </c>
      <c r="J24" s="19">
        <v>253</v>
      </c>
      <c r="K24" s="19">
        <v>289</v>
      </c>
    </row>
    <row r="25" spans="1:11" ht="15" customHeight="1">
      <c r="A25" s="17" t="s">
        <v>47</v>
      </c>
      <c r="B25" s="17"/>
      <c r="C25" s="13">
        <v>404</v>
      </c>
      <c r="D25" s="19">
        <v>207</v>
      </c>
      <c r="E25" s="19">
        <v>197</v>
      </c>
      <c r="F25" s="19"/>
      <c r="G25" s="18" t="s">
        <v>48</v>
      </c>
      <c r="H25" s="17"/>
      <c r="I25" s="13">
        <v>675</v>
      </c>
      <c r="J25" s="19">
        <v>340</v>
      </c>
      <c r="K25" s="19">
        <v>335</v>
      </c>
    </row>
    <row r="26" spans="1:11" ht="15" customHeight="1">
      <c r="A26" s="17" t="s">
        <v>49</v>
      </c>
      <c r="B26" s="17"/>
      <c r="C26" s="13">
        <v>415</v>
      </c>
      <c r="D26" s="19">
        <v>221</v>
      </c>
      <c r="E26" s="19">
        <v>194</v>
      </c>
      <c r="F26" s="19"/>
      <c r="G26" s="18" t="s">
        <v>50</v>
      </c>
      <c r="H26" s="17"/>
      <c r="I26" s="13">
        <v>677</v>
      </c>
      <c r="J26" s="19">
        <v>318</v>
      </c>
      <c r="K26" s="19">
        <v>359</v>
      </c>
    </row>
    <row r="27" spans="1:11" ht="15" customHeight="1">
      <c r="A27" s="17" t="s">
        <v>51</v>
      </c>
      <c r="B27" s="17"/>
      <c r="C27" s="13">
        <v>434</v>
      </c>
      <c r="D27" s="19">
        <v>219</v>
      </c>
      <c r="E27" s="19">
        <v>215</v>
      </c>
      <c r="F27" s="19"/>
      <c r="G27" s="18" t="s">
        <v>52</v>
      </c>
      <c r="H27" s="17"/>
      <c r="I27" s="13">
        <v>671</v>
      </c>
      <c r="J27" s="19">
        <v>317</v>
      </c>
      <c r="K27" s="19">
        <v>354</v>
      </c>
    </row>
    <row r="28" spans="1:11" ht="15" customHeight="1">
      <c r="A28" s="17" t="s">
        <v>53</v>
      </c>
      <c r="B28" s="17"/>
      <c r="C28" s="13">
        <v>396</v>
      </c>
      <c r="D28" s="19">
        <v>214</v>
      </c>
      <c r="E28" s="19">
        <v>182</v>
      </c>
      <c r="F28" s="19"/>
      <c r="G28" s="18" t="s">
        <v>54</v>
      </c>
      <c r="H28" s="17"/>
      <c r="I28" s="13">
        <v>793</v>
      </c>
      <c r="J28" s="19">
        <v>371</v>
      </c>
      <c r="K28" s="19">
        <v>422</v>
      </c>
    </row>
    <row r="29" spans="1:11" ht="20.100000000000001" customHeight="1">
      <c r="A29" s="17" t="s">
        <v>55</v>
      </c>
      <c r="B29" s="17"/>
      <c r="C29" s="13">
        <v>1951</v>
      </c>
      <c r="D29" s="14">
        <v>1003</v>
      </c>
      <c r="E29" s="14">
        <v>948</v>
      </c>
      <c r="F29" s="14"/>
      <c r="G29" s="18" t="s">
        <v>56</v>
      </c>
      <c r="H29" s="17"/>
      <c r="I29" s="13">
        <v>3260</v>
      </c>
      <c r="J29" s="14">
        <v>1500</v>
      </c>
      <c r="K29" s="14">
        <v>1760</v>
      </c>
    </row>
    <row r="30" spans="1:11" ht="15" customHeight="1">
      <c r="A30" s="17" t="s">
        <v>57</v>
      </c>
      <c r="B30" s="17"/>
      <c r="C30" s="13">
        <v>466</v>
      </c>
      <c r="D30" s="19">
        <v>257</v>
      </c>
      <c r="E30" s="19">
        <v>209</v>
      </c>
      <c r="F30" s="19"/>
      <c r="G30" s="18" t="s">
        <v>58</v>
      </c>
      <c r="H30" s="17"/>
      <c r="I30" s="13">
        <v>781</v>
      </c>
      <c r="J30" s="19">
        <v>370</v>
      </c>
      <c r="K30" s="19">
        <v>411</v>
      </c>
    </row>
    <row r="31" spans="1:11" ht="15" customHeight="1">
      <c r="A31" s="17" t="s">
        <v>59</v>
      </c>
      <c r="B31" s="17"/>
      <c r="C31" s="13">
        <v>414</v>
      </c>
      <c r="D31" s="19">
        <v>219</v>
      </c>
      <c r="E31" s="19">
        <v>195</v>
      </c>
      <c r="F31" s="19"/>
      <c r="G31" s="18" t="s">
        <v>60</v>
      </c>
      <c r="H31" s="17"/>
      <c r="I31" s="13">
        <v>770</v>
      </c>
      <c r="J31" s="19">
        <v>347</v>
      </c>
      <c r="K31" s="19">
        <v>423</v>
      </c>
    </row>
    <row r="32" spans="1:11" ht="15" customHeight="1">
      <c r="A32" s="17" t="s">
        <v>61</v>
      </c>
      <c r="B32" s="17"/>
      <c r="C32" s="13">
        <v>414</v>
      </c>
      <c r="D32" s="19">
        <v>216</v>
      </c>
      <c r="E32" s="19">
        <v>198</v>
      </c>
      <c r="F32" s="19"/>
      <c r="G32" s="18" t="s">
        <v>62</v>
      </c>
      <c r="H32" s="17"/>
      <c r="I32" s="13">
        <v>585</v>
      </c>
      <c r="J32" s="19">
        <v>273</v>
      </c>
      <c r="K32" s="19">
        <v>312</v>
      </c>
    </row>
    <row r="33" spans="1:11" ht="15" customHeight="1">
      <c r="A33" s="17" t="s">
        <v>63</v>
      </c>
      <c r="B33" s="17"/>
      <c r="C33" s="13">
        <v>308</v>
      </c>
      <c r="D33" s="19">
        <v>138</v>
      </c>
      <c r="E33" s="19">
        <v>170</v>
      </c>
      <c r="F33" s="19"/>
      <c r="G33" s="18" t="s">
        <v>64</v>
      </c>
      <c r="H33" s="17"/>
      <c r="I33" s="13">
        <v>531</v>
      </c>
      <c r="J33" s="19">
        <v>243</v>
      </c>
      <c r="K33" s="19">
        <v>288</v>
      </c>
    </row>
    <row r="34" spans="1:11" ht="15" customHeight="1">
      <c r="A34" s="17" t="s">
        <v>65</v>
      </c>
      <c r="B34" s="17"/>
      <c r="C34" s="13">
        <v>349</v>
      </c>
      <c r="D34" s="19">
        <v>173</v>
      </c>
      <c r="E34" s="19">
        <v>176</v>
      </c>
      <c r="F34" s="19"/>
      <c r="G34" s="18" t="s">
        <v>66</v>
      </c>
      <c r="H34" s="17"/>
      <c r="I34" s="13">
        <v>593</v>
      </c>
      <c r="J34" s="19">
        <v>267</v>
      </c>
      <c r="K34" s="19">
        <v>326</v>
      </c>
    </row>
    <row r="35" spans="1:11" ht="20.100000000000001" customHeight="1">
      <c r="A35" s="17" t="s">
        <v>67</v>
      </c>
      <c r="B35" s="17"/>
      <c r="C35" s="13">
        <v>1551</v>
      </c>
      <c r="D35" s="14">
        <v>811</v>
      </c>
      <c r="E35" s="14">
        <v>740</v>
      </c>
      <c r="F35" s="14"/>
      <c r="G35" s="18" t="s">
        <v>68</v>
      </c>
      <c r="H35" s="17"/>
      <c r="I35" s="13">
        <v>2973</v>
      </c>
      <c r="J35" s="14">
        <v>1371</v>
      </c>
      <c r="K35" s="14">
        <v>1602</v>
      </c>
    </row>
    <row r="36" spans="1:11" ht="15" customHeight="1">
      <c r="A36" s="17" t="s">
        <v>69</v>
      </c>
      <c r="B36" s="17"/>
      <c r="C36" s="13">
        <v>346</v>
      </c>
      <c r="D36" s="19">
        <v>190</v>
      </c>
      <c r="E36" s="19">
        <v>156</v>
      </c>
      <c r="F36" s="19"/>
      <c r="G36" s="18" t="s">
        <v>70</v>
      </c>
      <c r="H36" s="17"/>
      <c r="I36" s="13">
        <v>642</v>
      </c>
      <c r="J36" s="19">
        <v>292</v>
      </c>
      <c r="K36" s="19">
        <v>350</v>
      </c>
    </row>
    <row r="37" spans="1:11" ht="15" customHeight="1">
      <c r="A37" s="17" t="s">
        <v>71</v>
      </c>
      <c r="B37" s="17"/>
      <c r="C37" s="13">
        <v>282</v>
      </c>
      <c r="D37" s="19">
        <v>145</v>
      </c>
      <c r="E37" s="19">
        <v>137</v>
      </c>
      <c r="F37" s="19"/>
      <c r="G37" s="18" t="s">
        <v>72</v>
      </c>
      <c r="H37" s="17"/>
      <c r="I37" s="13">
        <v>641</v>
      </c>
      <c r="J37" s="19">
        <v>304</v>
      </c>
      <c r="K37" s="19">
        <v>337</v>
      </c>
    </row>
    <row r="38" spans="1:11" ht="15" customHeight="1">
      <c r="A38" s="17" t="s">
        <v>73</v>
      </c>
      <c r="B38" s="17"/>
      <c r="C38" s="13">
        <v>333</v>
      </c>
      <c r="D38" s="19">
        <v>167</v>
      </c>
      <c r="E38" s="19">
        <v>166</v>
      </c>
      <c r="F38" s="19"/>
      <c r="G38" s="18" t="s">
        <v>74</v>
      </c>
      <c r="H38" s="17"/>
      <c r="I38" s="13">
        <v>619</v>
      </c>
      <c r="J38" s="19">
        <v>290</v>
      </c>
      <c r="K38" s="19">
        <v>329</v>
      </c>
    </row>
    <row r="39" spans="1:11" ht="15" customHeight="1">
      <c r="A39" s="17" t="s">
        <v>75</v>
      </c>
      <c r="B39" s="17"/>
      <c r="C39" s="13">
        <v>272</v>
      </c>
      <c r="D39" s="19">
        <v>134</v>
      </c>
      <c r="E39" s="19">
        <v>138</v>
      </c>
      <c r="F39" s="19"/>
      <c r="G39" s="18" t="s">
        <v>76</v>
      </c>
      <c r="H39" s="17"/>
      <c r="I39" s="13">
        <v>576</v>
      </c>
      <c r="J39" s="19">
        <v>245</v>
      </c>
      <c r="K39" s="19">
        <v>331</v>
      </c>
    </row>
    <row r="40" spans="1:11" ht="15" customHeight="1">
      <c r="A40" s="17" t="s">
        <v>77</v>
      </c>
      <c r="B40" s="17"/>
      <c r="C40" s="13">
        <v>318</v>
      </c>
      <c r="D40" s="19">
        <v>175</v>
      </c>
      <c r="E40" s="19">
        <v>143</v>
      </c>
      <c r="F40" s="19"/>
      <c r="G40" s="18" t="s">
        <v>78</v>
      </c>
      <c r="H40" s="17"/>
      <c r="I40" s="13">
        <v>495</v>
      </c>
      <c r="J40" s="19">
        <v>240</v>
      </c>
      <c r="K40" s="19">
        <v>255</v>
      </c>
    </row>
    <row r="41" spans="1:11" ht="20.100000000000001" customHeight="1">
      <c r="A41" s="17" t="s">
        <v>79</v>
      </c>
      <c r="B41" s="17"/>
      <c r="C41" s="13">
        <v>1793</v>
      </c>
      <c r="D41" s="14">
        <v>927</v>
      </c>
      <c r="E41" s="14">
        <v>866</v>
      </c>
      <c r="F41" s="14"/>
      <c r="G41" s="18" t="s">
        <v>80</v>
      </c>
      <c r="H41" s="17"/>
      <c r="I41" s="13">
        <v>2081</v>
      </c>
      <c r="J41" s="14">
        <v>916</v>
      </c>
      <c r="K41" s="14">
        <v>1165</v>
      </c>
    </row>
    <row r="42" spans="1:11" ht="15" customHeight="1">
      <c r="A42" s="17" t="s">
        <v>81</v>
      </c>
      <c r="B42" s="17"/>
      <c r="C42" s="13">
        <v>368</v>
      </c>
      <c r="D42" s="19">
        <v>194</v>
      </c>
      <c r="E42" s="19">
        <v>174</v>
      </c>
      <c r="F42" s="19"/>
      <c r="G42" s="18" t="s">
        <v>82</v>
      </c>
      <c r="H42" s="17"/>
      <c r="I42" s="13">
        <v>424</v>
      </c>
      <c r="J42" s="19">
        <v>199</v>
      </c>
      <c r="K42" s="19">
        <v>225</v>
      </c>
    </row>
    <row r="43" spans="1:11" ht="15" customHeight="1">
      <c r="A43" s="17" t="s">
        <v>83</v>
      </c>
      <c r="B43" s="17"/>
      <c r="C43" s="13">
        <v>304</v>
      </c>
      <c r="D43" s="19">
        <v>157</v>
      </c>
      <c r="E43" s="19">
        <v>147</v>
      </c>
      <c r="F43" s="19"/>
      <c r="G43" s="18" t="s">
        <v>84</v>
      </c>
      <c r="H43" s="17"/>
      <c r="I43" s="13">
        <v>428</v>
      </c>
      <c r="J43" s="19">
        <v>200</v>
      </c>
      <c r="K43" s="19">
        <v>228</v>
      </c>
    </row>
    <row r="44" spans="1:11" ht="15" customHeight="1">
      <c r="A44" s="17" t="s">
        <v>85</v>
      </c>
      <c r="B44" s="17"/>
      <c r="C44" s="13">
        <v>361</v>
      </c>
      <c r="D44" s="19">
        <v>195</v>
      </c>
      <c r="E44" s="19">
        <v>166</v>
      </c>
      <c r="F44" s="19"/>
      <c r="G44" s="18" t="s">
        <v>86</v>
      </c>
      <c r="H44" s="17"/>
      <c r="I44" s="13">
        <v>448</v>
      </c>
      <c r="J44" s="19">
        <v>196</v>
      </c>
      <c r="K44" s="19">
        <v>252</v>
      </c>
    </row>
    <row r="45" spans="1:11" ht="15" customHeight="1">
      <c r="A45" s="17" t="s">
        <v>87</v>
      </c>
      <c r="B45" s="17"/>
      <c r="C45" s="13">
        <v>368</v>
      </c>
      <c r="D45" s="19">
        <v>185</v>
      </c>
      <c r="E45" s="19">
        <v>183</v>
      </c>
      <c r="F45" s="19"/>
      <c r="G45" s="18" t="s">
        <v>88</v>
      </c>
      <c r="H45" s="17"/>
      <c r="I45" s="13">
        <v>427</v>
      </c>
      <c r="J45" s="19">
        <v>180</v>
      </c>
      <c r="K45" s="19">
        <v>247</v>
      </c>
    </row>
    <row r="46" spans="1:11" ht="15" customHeight="1">
      <c r="A46" s="17" t="s">
        <v>89</v>
      </c>
      <c r="B46" s="17"/>
      <c r="C46" s="13">
        <v>392</v>
      </c>
      <c r="D46" s="19">
        <v>196</v>
      </c>
      <c r="E46" s="19">
        <v>196</v>
      </c>
      <c r="F46" s="19"/>
      <c r="G46" s="18" t="s">
        <v>90</v>
      </c>
      <c r="H46" s="17"/>
      <c r="I46" s="13">
        <v>354</v>
      </c>
      <c r="J46" s="19">
        <v>141</v>
      </c>
      <c r="K46" s="19">
        <v>213</v>
      </c>
    </row>
    <row r="47" spans="1:11" ht="20.100000000000001" customHeight="1">
      <c r="A47" s="17" t="s">
        <v>91</v>
      </c>
      <c r="B47" s="17"/>
      <c r="C47" s="13">
        <v>2266</v>
      </c>
      <c r="D47" s="14">
        <v>1165</v>
      </c>
      <c r="E47" s="14">
        <v>1101</v>
      </c>
      <c r="F47" s="14"/>
      <c r="G47" s="18" t="s">
        <v>92</v>
      </c>
      <c r="H47" s="17"/>
      <c r="I47" s="13">
        <v>1202</v>
      </c>
      <c r="J47" s="14">
        <v>453</v>
      </c>
      <c r="K47" s="14">
        <v>749</v>
      </c>
    </row>
    <row r="48" spans="1:11" ht="15" customHeight="1">
      <c r="A48" s="17" t="s">
        <v>93</v>
      </c>
      <c r="B48" s="17"/>
      <c r="C48" s="13">
        <v>445</v>
      </c>
      <c r="D48" s="19">
        <v>236</v>
      </c>
      <c r="E48" s="19">
        <v>209</v>
      </c>
      <c r="F48" s="19"/>
      <c r="G48" s="18" t="s">
        <v>94</v>
      </c>
      <c r="H48" s="17"/>
      <c r="I48" s="13">
        <v>304</v>
      </c>
      <c r="J48" s="19">
        <v>133</v>
      </c>
      <c r="K48" s="19">
        <v>171</v>
      </c>
    </row>
    <row r="49" spans="1:11" ht="15" customHeight="1">
      <c r="A49" s="17" t="s">
        <v>95</v>
      </c>
      <c r="B49" s="17"/>
      <c r="C49" s="13">
        <v>432</v>
      </c>
      <c r="D49" s="19">
        <v>227</v>
      </c>
      <c r="E49" s="19">
        <v>205</v>
      </c>
      <c r="F49" s="19"/>
      <c r="G49" s="18" t="s">
        <v>96</v>
      </c>
      <c r="H49" s="17"/>
      <c r="I49" s="13">
        <v>283</v>
      </c>
      <c r="J49" s="19">
        <v>107</v>
      </c>
      <c r="K49" s="19">
        <v>176</v>
      </c>
    </row>
    <row r="50" spans="1:11" ht="15" customHeight="1">
      <c r="A50" s="17" t="s">
        <v>97</v>
      </c>
      <c r="B50" s="17"/>
      <c r="C50" s="13">
        <v>456</v>
      </c>
      <c r="D50" s="19">
        <v>232</v>
      </c>
      <c r="E50" s="19">
        <v>224</v>
      </c>
      <c r="F50" s="19"/>
      <c r="G50" s="18" t="s">
        <v>98</v>
      </c>
      <c r="H50" s="17"/>
      <c r="I50" s="13">
        <v>226</v>
      </c>
      <c r="J50" s="19">
        <v>86</v>
      </c>
      <c r="K50" s="19">
        <v>140</v>
      </c>
    </row>
    <row r="51" spans="1:11" ht="15" customHeight="1">
      <c r="A51" s="17" t="s">
        <v>99</v>
      </c>
      <c r="B51" s="17"/>
      <c r="C51" s="13">
        <v>450</v>
      </c>
      <c r="D51" s="19">
        <v>222</v>
      </c>
      <c r="E51" s="19">
        <v>228</v>
      </c>
      <c r="F51" s="19"/>
      <c r="G51" s="18" t="s">
        <v>100</v>
      </c>
      <c r="H51" s="17"/>
      <c r="I51" s="13">
        <v>198</v>
      </c>
      <c r="J51" s="19">
        <v>63</v>
      </c>
      <c r="K51" s="19">
        <v>135</v>
      </c>
    </row>
    <row r="52" spans="1:11" ht="15" customHeight="1">
      <c r="A52" s="17" t="s">
        <v>101</v>
      </c>
      <c r="B52" s="17"/>
      <c r="C52" s="13">
        <v>483</v>
      </c>
      <c r="D52" s="19">
        <v>248</v>
      </c>
      <c r="E52" s="19">
        <v>235</v>
      </c>
      <c r="F52" s="19"/>
      <c r="G52" s="18" t="s">
        <v>102</v>
      </c>
      <c r="H52" s="17"/>
      <c r="I52" s="13">
        <v>191</v>
      </c>
      <c r="J52" s="19">
        <v>64</v>
      </c>
      <c r="K52" s="19">
        <v>127</v>
      </c>
    </row>
    <row r="53" spans="1:11" ht="20.100000000000001" customHeight="1">
      <c r="A53" s="17" t="s">
        <v>103</v>
      </c>
      <c r="B53" s="17"/>
      <c r="C53" s="13">
        <v>2816</v>
      </c>
      <c r="D53" s="14">
        <v>1448</v>
      </c>
      <c r="E53" s="14">
        <v>1368</v>
      </c>
      <c r="F53" s="14"/>
      <c r="G53" s="18" t="s">
        <v>104</v>
      </c>
      <c r="H53" s="17"/>
      <c r="I53" s="13">
        <v>511</v>
      </c>
      <c r="J53" s="14">
        <v>143</v>
      </c>
      <c r="K53" s="14">
        <v>368</v>
      </c>
    </row>
    <row r="54" spans="1:11" ht="15" customHeight="1">
      <c r="A54" s="17" t="s">
        <v>105</v>
      </c>
      <c r="B54" s="17"/>
      <c r="C54" s="13">
        <v>490</v>
      </c>
      <c r="D54" s="19">
        <v>253</v>
      </c>
      <c r="E54" s="19">
        <v>237</v>
      </c>
      <c r="F54" s="19"/>
      <c r="G54" s="18" t="s">
        <v>106</v>
      </c>
      <c r="H54" s="17"/>
      <c r="I54" s="13">
        <v>161</v>
      </c>
      <c r="J54" s="19">
        <v>45</v>
      </c>
      <c r="K54" s="19">
        <v>116</v>
      </c>
    </row>
    <row r="55" spans="1:11" ht="15" customHeight="1">
      <c r="A55" s="17" t="s">
        <v>107</v>
      </c>
      <c r="B55" s="17"/>
      <c r="C55" s="13">
        <v>537</v>
      </c>
      <c r="D55" s="19">
        <v>265</v>
      </c>
      <c r="E55" s="19">
        <v>272</v>
      </c>
      <c r="F55" s="19"/>
      <c r="G55" s="18" t="s">
        <v>108</v>
      </c>
      <c r="H55" s="17"/>
      <c r="I55" s="13">
        <v>112</v>
      </c>
      <c r="J55" s="19">
        <v>31</v>
      </c>
      <c r="K55" s="19">
        <v>81</v>
      </c>
    </row>
    <row r="56" spans="1:11" ht="15" customHeight="1">
      <c r="A56" s="17" t="s">
        <v>109</v>
      </c>
      <c r="B56" s="17"/>
      <c r="C56" s="13">
        <v>532</v>
      </c>
      <c r="D56" s="19">
        <v>263</v>
      </c>
      <c r="E56" s="19">
        <v>269</v>
      </c>
      <c r="F56" s="19"/>
      <c r="G56" s="18" t="s">
        <v>110</v>
      </c>
      <c r="H56" s="17"/>
      <c r="I56" s="13">
        <v>98</v>
      </c>
      <c r="J56" s="19">
        <v>27</v>
      </c>
      <c r="K56" s="19">
        <v>71</v>
      </c>
    </row>
    <row r="57" spans="1:11" ht="15" customHeight="1">
      <c r="A57" s="17" t="s">
        <v>111</v>
      </c>
      <c r="B57" s="17"/>
      <c r="C57" s="13">
        <v>593</v>
      </c>
      <c r="D57" s="19">
        <v>298</v>
      </c>
      <c r="E57" s="19">
        <v>295</v>
      </c>
      <c r="F57" s="19"/>
      <c r="G57" s="18" t="s">
        <v>112</v>
      </c>
      <c r="H57" s="17"/>
      <c r="I57" s="13">
        <v>85</v>
      </c>
      <c r="J57" s="19">
        <v>26</v>
      </c>
      <c r="K57" s="19">
        <v>59</v>
      </c>
    </row>
    <row r="58" spans="1:11" ht="15" customHeight="1">
      <c r="A58" s="17" t="s">
        <v>113</v>
      </c>
      <c r="B58" s="17"/>
      <c r="C58" s="13">
        <v>664</v>
      </c>
      <c r="D58" s="19">
        <v>369</v>
      </c>
      <c r="E58" s="19">
        <v>295</v>
      </c>
      <c r="F58" s="19"/>
      <c r="G58" s="18" t="s">
        <v>114</v>
      </c>
      <c r="H58" s="17"/>
      <c r="I58" s="13">
        <v>55</v>
      </c>
      <c r="J58" s="19">
        <v>14</v>
      </c>
      <c r="K58" s="19">
        <v>41</v>
      </c>
    </row>
    <row r="59" spans="1:11" ht="20.100000000000001" customHeight="1">
      <c r="A59" s="17" t="s">
        <v>115</v>
      </c>
      <c r="B59" s="17"/>
      <c r="C59" s="13">
        <v>3309</v>
      </c>
      <c r="D59" s="14">
        <v>1727</v>
      </c>
      <c r="E59" s="14">
        <v>1582</v>
      </c>
      <c r="F59" s="14"/>
      <c r="G59" s="18" t="s">
        <v>116</v>
      </c>
      <c r="H59" s="17"/>
      <c r="I59" s="13">
        <v>128</v>
      </c>
      <c r="J59" s="14">
        <v>30</v>
      </c>
      <c r="K59" s="14">
        <v>98</v>
      </c>
    </row>
    <row r="60" spans="1:11" ht="15" customHeight="1">
      <c r="A60" s="17" t="s">
        <v>117</v>
      </c>
      <c r="B60" s="17"/>
      <c r="C60" s="13">
        <v>720</v>
      </c>
      <c r="D60" s="19">
        <v>382</v>
      </c>
      <c r="E60" s="19">
        <v>338</v>
      </c>
      <c r="F60" s="19"/>
      <c r="G60" s="18" t="s">
        <v>118</v>
      </c>
      <c r="H60" s="17"/>
      <c r="I60" s="13">
        <v>50</v>
      </c>
      <c r="J60" s="19">
        <v>16</v>
      </c>
      <c r="K60" s="19">
        <v>34</v>
      </c>
    </row>
    <row r="61" spans="1:11" ht="15" customHeight="1">
      <c r="A61" s="17" t="s">
        <v>119</v>
      </c>
      <c r="B61" s="17"/>
      <c r="C61" s="13">
        <v>626</v>
      </c>
      <c r="D61" s="19">
        <v>328</v>
      </c>
      <c r="E61" s="19">
        <v>298</v>
      </c>
      <c r="F61" s="19"/>
      <c r="G61" s="18" t="s">
        <v>120</v>
      </c>
      <c r="H61" s="17"/>
      <c r="I61" s="13">
        <v>30</v>
      </c>
      <c r="J61" s="19">
        <v>6</v>
      </c>
      <c r="K61" s="19">
        <v>24</v>
      </c>
    </row>
    <row r="62" spans="1:11" ht="15" customHeight="1">
      <c r="A62" s="17" t="s">
        <v>121</v>
      </c>
      <c r="B62" s="17"/>
      <c r="C62" s="13">
        <v>664</v>
      </c>
      <c r="D62" s="19">
        <v>334</v>
      </c>
      <c r="E62" s="19">
        <v>330</v>
      </c>
      <c r="F62" s="19"/>
      <c r="G62" s="18" t="s">
        <v>122</v>
      </c>
      <c r="H62" s="17"/>
      <c r="I62" s="13">
        <v>23</v>
      </c>
      <c r="J62" s="19">
        <v>2</v>
      </c>
      <c r="K62" s="19">
        <v>21</v>
      </c>
    </row>
    <row r="63" spans="1:11" ht="15" customHeight="1">
      <c r="A63" s="17" t="s">
        <v>123</v>
      </c>
      <c r="B63" s="17"/>
      <c r="C63" s="13">
        <v>644</v>
      </c>
      <c r="D63" s="19">
        <v>360</v>
      </c>
      <c r="E63" s="19">
        <v>284</v>
      </c>
      <c r="F63" s="19"/>
      <c r="G63" s="18" t="s">
        <v>124</v>
      </c>
      <c r="H63" s="17"/>
      <c r="I63" s="13">
        <v>5</v>
      </c>
      <c r="J63" s="19">
        <v>1</v>
      </c>
      <c r="K63" s="19">
        <v>4</v>
      </c>
    </row>
    <row r="64" spans="1:11" ht="15" customHeight="1">
      <c r="A64" s="17" t="s">
        <v>125</v>
      </c>
      <c r="B64" s="17"/>
      <c r="C64" s="13">
        <v>655</v>
      </c>
      <c r="D64" s="19">
        <v>323</v>
      </c>
      <c r="E64" s="19">
        <v>332</v>
      </c>
      <c r="F64" s="19"/>
      <c r="G64" s="18" t="s">
        <v>126</v>
      </c>
      <c r="H64" s="17"/>
      <c r="I64" s="13">
        <v>20</v>
      </c>
      <c r="J64" s="19">
        <v>5</v>
      </c>
      <c r="K64" s="19">
        <v>1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3</v>
      </c>
      <c r="J65" s="19">
        <v>1</v>
      </c>
      <c r="K65" s="19">
        <v>12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66</v>
      </c>
      <c r="J66" s="29">
        <v>41</v>
      </c>
      <c r="K66" s="29">
        <v>2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8" pageOrder="overThenDown" orientation="portrait" blackAndWhite="1" useFirstPageNumber="1" horizontalDpi="300" verticalDpi="300"/>
  <headerFooter scaleWithDoc="0"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4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445</v>
      </c>
      <c r="D4" s="14">
        <v>4736</v>
      </c>
      <c r="E4" s="14">
        <v>470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22</v>
      </c>
      <c r="D5" s="14">
        <v>111</v>
      </c>
      <c r="E5" s="14">
        <v>111</v>
      </c>
      <c r="F5" s="14"/>
      <c r="G5" s="18" t="s">
        <v>8</v>
      </c>
      <c r="H5" s="17"/>
      <c r="I5" s="13">
        <v>577</v>
      </c>
      <c r="J5" s="14">
        <v>306</v>
      </c>
      <c r="K5" s="14">
        <v>271</v>
      </c>
    </row>
    <row r="6" spans="1:11" ht="15" customHeight="1">
      <c r="A6" s="17" t="s">
        <v>9</v>
      </c>
      <c r="B6" s="17"/>
      <c r="C6" s="13">
        <v>37</v>
      </c>
      <c r="D6" s="19">
        <v>14</v>
      </c>
      <c r="E6" s="19">
        <v>23</v>
      </c>
      <c r="F6" s="19"/>
      <c r="G6" s="18" t="s">
        <v>10</v>
      </c>
      <c r="H6" s="17"/>
      <c r="I6" s="13">
        <v>113</v>
      </c>
      <c r="J6" s="19">
        <v>58</v>
      </c>
      <c r="K6" s="19">
        <v>55</v>
      </c>
    </row>
    <row r="7" spans="1:11" ht="15" customHeight="1">
      <c r="A7" s="17" t="s">
        <v>11</v>
      </c>
      <c r="B7" s="17"/>
      <c r="C7" s="13">
        <v>49</v>
      </c>
      <c r="D7" s="19">
        <v>27</v>
      </c>
      <c r="E7" s="19">
        <v>22</v>
      </c>
      <c r="F7" s="19"/>
      <c r="G7" s="18" t="s">
        <v>12</v>
      </c>
      <c r="H7" s="17"/>
      <c r="I7" s="13">
        <v>141</v>
      </c>
      <c r="J7" s="19">
        <v>77</v>
      </c>
      <c r="K7" s="19">
        <v>64</v>
      </c>
    </row>
    <row r="8" spans="1:11" ht="15" customHeight="1">
      <c r="A8" s="17" t="s">
        <v>13</v>
      </c>
      <c r="B8" s="17"/>
      <c r="C8" s="13">
        <v>37</v>
      </c>
      <c r="D8" s="19">
        <v>20</v>
      </c>
      <c r="E8" s="19">
        <v>17</v>
      </c>
      <c r="F8" s="19"/>
      <c r="G8" s="18" t="s">
        <v>14</v>
      </c>
      <c r="H8" s="17"/>
      <c r="I8" s="13">
        <v>96</v>
      </c>
      <c r="J8" s="19">
        <v>50</v>
      </c>
      <c r="K8" s="19">
        <v>46</v>
      </c>
    </row>
    <row r="9" spans="1:11" ht="15" customHeight="1">
      <c r="A9" s="17" t="s">
        <v>15</v>
      </c>
      <c r="B9" s="17"/>
      <c r="C9" s="13">
        <v>48</v>
      </c>
      <c r="D9" s="19">
        <v>21</v>
      </c>
      <c r="E9" s="19">
        <v>27</v>
      </c>
      <c r="F9" s="19"/>
      <c r="G9" s="18" t="s">
        <v>16</v>
      </c>
      <c r="H9" s="17"/>
      <c r="I9" s="13">
        <v>107</v>
      </c>
      <c r="J9" s="19">
        <v>61</v>
      </c>
      <c r="K9" s="19">
        <v>46</v>
      </c>
    </row>
    <row r="10" spans="1:11" ht="15" customHeight="1">
      <c r="A10" s="17" t="s">
        <v>17</v>
      </c>
      <c r="B10" s="17"/>
      <c r="C10" s="13">
        <v>51</v>
      </c>
      <c r="D10" s="19">
        <v>29</v>
      </c>
      <c r="E10" s="19">
        <v>22</v>
      </c>
      <c r="F10" s="19"/>
      <c r="G10" s="18" t="s">
        <v>18</v>
      </c>
      <c r="H10" s="17"/>
      <c r="I10" s="13">
        <v>120</v>
      </c>
      <c r="J10" s="19">
        <v>60</v>
      </c>
      <c r="K10" s="19">
        <v>60</v>
      </c>
    </row>
    <row r="11" spans="1:11" ht="20.100000000000001" customHeight="1">
      <c r="A11" s="17" t="s">
        <v>19</v>
      </c>
      <c r="B11" s="17"/>
      <c r="C11" s="13">
        <v>300</v>
      </c>
      <c r="D11" s="14">
        <v>155</v>
      </c>
      <c r="E11" s="14">
        <v>145</v>
      </c>
      <c r="F11" s="14"/>
      <c r="G11" s="18" t="s">
        <v>20</v>
      </c>
      <c r="H11" s="17"/>
      <c r="I11" s="13">
        <v>499</v>
      </c>
      <c r="J11" s="14">
        <v>252</v>
      </c>
      <c r="K11" s="14">
        <v>247</v>
      </c>
    </row>
    <row r="12" spans="1:11" ht="15" customHeight="1">
      <c r="A12" s="17" t="s">
        <v>21</v>
      </c>
      <c r="B12" s="17"/>
      <c r="C12" s="13">
        <v>52</v>
      </c>
      <c r="D12" s="19">
        <v>26</v>
      </c>
      <c r="E12" s="19">
        <v>26</v>
      </c>
      <c r="F12" s="19"/>
      <c r="G12" s="18" t="s">
        <v>22</v>
      </c>
      <c r="H12" s="17"/>
      <c r="I12" s="13">
        <v>91</v>
      </c>
      <c r="J12" s="19">
        <v>48</v>
      </c>
      <c r="K12" s="19">
        <v>43</v>
      </c>
    </row>
    <row r="13" spans="1:11" ht="15" customHeight="1">
      <c r="A13" s="17" t="s">
        <v>23</v>
      </c>
      <c r="B13" s="17"/>
      <c r="C13" s="13">
        <v>51</v>
      </c>
      <c r="D13" s="19">
        <v>26</v>
      </c>
      <c r="E13" s="19">
        <v>25</v>
      </c>
      <c r="F13" s="19"/>
      <c r="G13" s="18" t="s">
        <v>24</v>
      </c>
      <c r="H13" s="17"/>
      <c r="I13" s="13">
        <v>95</v>
      </c>
      <c r="J13" s="19">
        <v>49</v>
      </c>
      <c r="K13" s="19">
        <v>46</v>
      </c>
    </row>
    <row r="14" spans="1:11" ht="15" customHeight="1">
      <c r="A14" s="17" t="s">
        <v>25</v>
      </c>
      <c r="B14" s="17"/>
      <c r="C14" s="13">
        <v>58</v>
      </c>
      <c r="D14" s="19">
        <v>34</v>
      </c>
      <c r="E14" s="19">
        <v>24</v>
      </c>
      <c r="F14" s="19"/>
      <c r="G14" s="18" t="s">
        <v>26</v>
      </c>
      <c r="H14" s="17"/>
      <c r="I14" s="13">
        <v>111</v>
      </c>
      <c r="J14" s="19">
        <v>52</v>
      </c>
      <c r="K14" s="19">
        <v>59</v>
      </c>
    </row>
    <row r="15" spans="1:11" ht="15" customHeight="1">
      <c r="A15" s="17" t="s">
        <v>27</v>
      </c>
      <c r="B15" s="17"/>
      <c r="C15" s="13">
        <v>69</v>
      </c>
      <c r="D15" s="19">
        <v>34</v>
      </c>
      <c r="E15" s="19">
        <v>35</v>
      </c>
      <c r="F15" s="19"/>
      <c r="G15" s="18" t="s">
        <v>28</v>
      </c>
      <c r="H15" s="17"/>
      <c r="I15" s="13">
        <v>106</v>
      </c>
      <c r="J15" s="19">
        <v>52</v>
      </c>
      <c r="K15" s="19">
        <v>54</v>
      </c>
    </row>
    <row r="16" spans="1:11" ht="15" customHeight="1">
      <c r="A16" s="17" t="s">
        <v>29</v>
      </c>
      <c r="B16" s="17"/>
      <c r="C16" s="13">
        <v>70</v>
      </c>
      <c r="D16" s="19">
        <v>35</v>
      </c>
      <c r="E16" s="19">
        <v>35</v>
      </c>
      <c r="F16" s="19"/>
      <c r="G16" s="18" t="s">
        <v>30</v>
      </c>
      <c r="H16" s="17"/>
      <c r="I16" s="13">
        <v>96</v>
      </c>
      <c r="J16" s="19">
        <v>51</v>
      </c>
      <c r="K16" s="19">
        <v>45</v>
      </c>
    </row>
    <row r="17" spans="1:11" ht="20.100000000000001" customHeight="1">
      <c r="A17" s="20" t="s">
        <v>31</v>
      </c>
      <c r="B17" s="20"/>
      <c r="C17" s="13">
        <v>434</v>
      </c>
      <c r="D17" s="14">
        <v>212</v>
      </c>
      <c r="E17" s="14">
        <v>222</v>
      </c>
      <c r="F17" s="14"/>
      <c r="G17" s="18" t="s">
        <v>32</v>
      </c>
      <c r="H17" s="17"/>
      <c r="I17" s="13">
        <v>639</v>
      </c>
      <c r="J17" s="14">
        <v>312</v>
      </c>
      <c r="K17" s="14">
        <v>327</v>
      </c>
    </row>
    <row r="18" spans="1:11" ht="15" customHeight="1">
      <c r="A18" s="17" t="s">
        <v>33</v>
      </c>
      <c r="B18" s="17"/>
      <c r="C18" s="13">
        <v>94</v>
      </c>
      <c r="D18" s="19">
        <v>45</v>
      </c>
      <c r="E18" s="19">
        <v>49</v>
      </c>
      <c r="F18" s="19"/>
      <c r="G18" s="18" t="s">
        <v>34</v>
      </c>
      <c r="H18" s="17"/>
      <c r="I18" s="13">
        <v>122</v>
      </c>
      <c r="J18" s="19">
        <v>59</v>
      </c>
      <c r="K18" s="19">
        <v>63</v>
      </c>
    </row>
    <row r="19" spans="1:11" ht="15" customHeight="1">
      <c r="A19" s="17" t="s">
        <v>35</v>
      </c>
      <c r="B19" s="17"/>
      <c r="C19" s="13">
        <v>83</v>
      </c>
      <c r="D19" s="19">
        <v>37</v>
      </c>
      <c r="E19" s="19">
        <v>46</v>
      </c>
      <c r="F19" s="19"/>
      <c r="G19" s="18" t="s">
        <v>36</v>
      </c>
      <c r="H19" s="17"/>
      <c r="I19" s="13">
        <v>122</v>
      </c>
      <c r="J19" s="19">
        <v>63</v>
      </c>
      <c r="K19" s="19">
        <v>59</v>
      </c>
    </row>
    <row r="20" spans="1:11" ht="15" customHeight="1">
      <c r="A20" s="17" t="s">
        <v>37</v>
      </c>
      <c r="B20" s="17"/>
      <c r="C20" s="13">
        <v>84</v>
      </c>
      <c r="D20" s="19">
        <v>36</v>
      </c>
      <c r="E20" s="19">
        <v>48</v>
      </c>
      <c r="F20" s="19"/>
      <c r="G20" s="18" t="s">
        <v>38</v>
      </c>
      <c r="H20" s="17"/>
      <c r="I20" s="13">
        <v>132</v>
      </c>
      <c r="J20" s="19">
        <v>72</v>
      </c>
      <c r="K20" s="19">
        <v>60</v>
      </c>
    </row>
    <row r="21" spans="1:11" ht="15" customHeight="1">
      <c r="A21" s="17" t="s">
        <v>39</v>
      </c>
      <c r="B21" s="17"/>
      <c r="C21" s="13">
        <v>81</v>
      </c>
      <c r="D21" s="19">
        <v>42</v>
      </c>
      <c r="E21" s="19">
        <v>39</v>
      </c>
      <c r="F21" s="19"/>
      <c r="G21" s="18" t="s">
        <v>40</v>
      </c>
      <c r="H21" s="17"/>
      <c r="I21" s="13">
        <v>129</v>
      </c>
      <c r="J21" s="19">
        <v>64</v>
      </c>
      <c r="K21" s="19">
        <v>65</v>
      </c>
    </row>
    <row r="22" spans="1:11" ht="15" customHeight="1">
      <c r="A22" s="17" t="s">
        <v>41</v>
      </c>
      <c r="B22" s="17"/>
      <c r="C22" s="13">
        <v>92</v>
      </c>
      <c r="D22" s="19">
        <v>52</v>
      </c>
      <c r="E22" s="19">
        <v>40</v>
      </c>
      <c r="F22" s="19"/>
      <c r="G22" s="18" t="s">
        <v>42</v>
      </c>
      <c r="H22" s="17"/>
      <c r="I22" s="13">
        <v>134</v>
      </c>
      <c r="J22" s="19">
        <v>54</v>
      </c>
      <c r="K22" s="19">
        <v>80</v>
      </c>
    </row>
    <row r="23" spans="1:11" ht="20.100000000000001" customHeight="1">
      <c r="A23" s="17" t="s">
        <v>43</v>
      </c>
      <c r="B23" s="17"/>
      <c r="C23" s="13">
        <v>490</v>
      </c>
      <c r="D23" s="14">
        <v>279</v>
      </c>
      <c r="E23" s="14">
        <v>211</v>
      </c>
      <c r="F23" s="14"/>
      <c r="G23" s="18" t="s">
        <v>44</v>
      </c>
      <c r="H23" s="17"/>
      <c r="I23" s="13">
        <v>884</v>
      </c>
      <c r="J23" s="14">
        <v>429</v>
      </c>
      <c r="K23" s="14">
        <v>455</v>
      </c>
    </row>
    <row r="24" spans="1:11" ht="15" customHeight="1">
      <c r="A24" s="17" t="s">
        <v>45</v>
      </c>
      <c r="B24" s="17"/>
      <c r="C24" s="13">
        <v>90</v>
      </c>
      <c r="D24" s="19">
        <v>48</v>
      </c>
      <c r="E24" s="19">
        <v>42</v>
      </c>
      <c r="F24" s="19"/>
      <c r="G24" s="18" t="s">
        <v>46</v>
      </c>
      <c r="H24" s="17"/>
      <c r="I24" s="13">
        <v>142</v>
      </c>
      <c r="J24" s="19">
        <v>64</v>
      </c>
      <c r="K24" s="19">
        <v>78</v>
      </c>
    </row>
    <row r="25" spans="1:11" ht="15" customHeight="1">
      <c r="A25" s="17" t="s">
        <v>47</v>
      </c>
      <c r="B25" s="17"/>
      <c r="C25" s="13">
        <v>92</v>
      </c>
      <c r="D25" s="19">
        <v>54</v>
      </c>
      <c r="E25" s="19">
        <v>38</v>
      </c>
      <c r="F25" s="19"/>
      <c r="G25" s="18" t="s">
        <v>48</v>
      </c>
      <c r="H25" s="17"/>
      <c r="I25" s="13">
        <v>159</v>
      </c>
      <c r="J25" s="19">
        <v>78</v>
      </c>
      <c r="K25" s="19">
        <v>81</v>
      </c>
    </row>
    <row r="26" spans="1:11" ht="15" customHeight="1">
      <c r="A26" s="17" t="s">
        <v>49</v>
      </c>
      <c r="B26" s="17"/>
      <c r="C26" s="13">
        <v>92</v>
      </c>
      <c r="D26" s="19">
        <v>40</v>
      </c>
      <c r="E26" s="19">
        <v>52</v>
      </c>
      <c r="F26" s="19"/>
      <c r="G26" s="18" t="s">
        <v>50</v>
      </c>
      <c r="H26" s="17"/>
      <c r="I26" s="13">
        <v>181</v>
      </c>
      <c r="J26" s="19">
        <v>83</v>
      </c>
      <c r="K26" s="19">
        <v>98</v>
      </c>
    </row>
    <row r="27" spans="1:11" ht="15" customHeight="1">
      <c r="A27" s="17" t="s">
        <v>51</v>
      </c>
      <c r="B27" s="17"/>
      <c r="C27" s="13">
        <v>91</v>
      </c>
      <c r="D27" s="19">
        <v>56</v>
      </c>
      <c r="E27" s="19">
        <v>35</v>
      </c>
      <c r="F27" s="19"/>
      <c r="G27" s="18" t="s">
        <v>52</v>
      </c>
      <c r="H27" s="17"/>
      <c r="I27" s="13">
        <v>180</v>
      </c>
      <c r="J27" s="19">
        <v>86</v>
      </c>
      <c r="K27" s="19">
        <v>94</v>
      </c>
    </row>
    <row r="28" spans="1:11" ht="15" customHeight="1">
      <c r="A28" s="17" t="s">
        <v>53</v>
      </c>
      <c r="B28" s="17"/>
      <c r="C28" s="13">
        <v>125</v>
      </c>
      <c r="D28" s="19">
        <v>81</v>
      </c>
      <c r="E28" s="19">
        <v>44</v>
      </c>
      <c r="F28" s="19"/>
      <c r="G28" s="18" t="s">
        <v>54</v>
      </c>
      <c r="H28" s="17"/>
      <c r="I28" s="13">
        <v>222</v>
      </c>
      <c r="J28" s="19">
        <v>118</v>
      </c>
      <c r="K28" s="19">
        <v>104</v>
      </c>
    </row>
    <row r="29" spans="1:11" ht="20.100000000000001" customHeight="1">
      <c r="A29" s="17" t="s">
        <v>55</v>
      </c>
      <c r="B29" s="17"/>
      <c r="C29" s="13">
        <v>424</v>
      </c>
      <c r="D29" s="14">
        <v>231</v>
      </c>
      <c r="E29" s="14">
        <v>193</v>
      </c>
      <c r="F29" s="14"/>
      <c r="G29" s="18" t="s">
        <v>56</v>
      </c>
      <c r="H29" s="17"/>
      <c r="I29" s="13">
        <v>850</v>
      </c>
      <c r="J29" s="14">
        <v>428</v>
      </c>
      <c r="K29" s="14">
        <v>422</v>
      </c>
    </row>
    <row r="30" spans="1:11" ht="15" customHeight="1">
      <c r="A30" s="17" t="s">
        <v>57</v>
      </c>
      <c r="B30" s="17"/>
      <c r="C30" s="13">
        <v>106</v>
      </c>
      <c r="D30" s="19">
        <v>62</v>
      </c>
      <c r="E30" s="19">
        <v>44</v>
      </c>
      <c r="F30" s="19"/>
      <c r="G30" s="18" t="s">
        <v>58</v>
      </c>
      <c r="H30" s="17"/>
      <c r="I30" s="13">
        <v>206</v>
      </c>
      <c r="J30" s="19">
        <v>103</v>
      </c>
      <c r="K30" s="19">
        <v>103</v>
      </c>
    </row>
    <row r="31" spans="1:11" ht="15" customHeight="1">
      <c r="A31" s="17" t="s">
        <v>59</v>
      </c>
      <c r="B31" s="17"/>
      <c r="C31" s="13">
        <v>97</v>
      </c>
      <c r="D31" s="19">
        <v>58</v>
      </c>
      <c r="E31" s="19">
        <v>39</v>
      </c>
      <c r="F31" s="19"/>
      <c r="G31" s="18" t="s">
        <v>60</v>
      </c>
      <c r="H31" s="17"/>
      <c r="I31" s="13">
        <v>201</v>
      </c>
      <c r="J31" s="19">
        <v>101</v>
      </c>
      <c r="K31" s="19">
        <v>100</v>
      </c>
    </row>
    <row r="32" spans="1:11" ht="15" customHeight="1">
      <c r="A32" s="17" t="s">
        <v>61</v>
      </c>
      <c r="B32" s="17"/>
      <c r="C32" s="13">
        <v>81</v>
      </c>
      <c r="D32" s="19">
        <v>54</v>
      </c>
      <c r="E32" s="19">
        <v>27</v>
      </c>
      <c r="F32" s="19"/>
      <c r="G32" s="18" t="s">
        <v>62</v>
      </c>
      <c r="H32" s="17"/>
      <c r="I32" s="13">
        <v>163</v>
      </c>
      <c r="J32" s="19">
        <v>77</v>
      </c>
      <c r="K32" s="19">
        <v>86</v>
      </c>
    </row>
    <row r="33" spans="1:11" ht="15" customHeight="1">
      <c r="A33" s="17" t="s">
        <v>63</v>
      </c>
      <c r="B33" s="17"/>
      <c r="C33" s="13">
        <v>74</v>
      </c>
      <c r="D33" s="19">
        <v>29</v>
      </c>
      <c r="E33" s="19">
        <v>45</v>
      </c>
      <c r="F33" s="19"/>
      <c r="G33" s="18" t="s">
        <v>64</v>
      </c>
      <c r="H33" s="17"/>
      <c r="I33" s="13">
        <v>116</v>
      </c>
      <c r="J33" s="19">
        <v>62</v>
      </c>
      <c r="K33" s="19">
        <v>54</v>
      </c>
    </row>
    <row r="34" spans="1:11" ht="15" customHeight="1">
      <c r="A34" s="17" t="s">
        <v>65</v>
      </c>
      <c r="B34" s="17"/>
      <c r="C34" s="13">
        <v>66</v>
      </c>
      <c r="D34" s="19">
        <v>28</v>
      </c>
      <c r="E34" s="19">
        <v>38</v>
      </c>
      <c r="F34" s="19"/>
      <c r="G34" s="18" t="s">
        <v>66</v>
      </c>
      <c r="H34" s="17"/>
      <c r="I34" s="13">
        <v>164</v>
      </c>
      <c r="J34" s="19">
        <v>85</v>
      </c>
      <c r="K34" s="19">
        <v>79</v>
      </c>
    </row>
    <row r="35" spans="1:11" ht="20.100000000000001" customHeight="1">
      <c r="A35" s="17" t="s">
        <v>67</v>
      </c>
      <c r="B35" s="17"/>
      <c r="C35" s="13">
        <v>305</v>
      </c>
      <c r="D35" s="14">
        <v>162</v>
      </c>
      <c r="E35" s="14">
        <v>143</v>
      </c>
      <c r="F35" s="14"/>
      <c r="G35" s="18" t="s">
        <v>68</v>
      </c>
      <c r="H35" s="17"/>
      <c r="I35" s="13">
        <v>634</v>
      </c>
      <c r="J35" s="14">
        <v>304</v>
      </c>
      <c r="K35" s="14">
        <v>330</v>
      </c>
    </row>
    <row r="36" spans="1:11" ht="15" customHeight="1">
      <c r="A36" s="17" t="s">
        <v>69</v>
      </c>
      <c r="B36" s="17"/>
      <c r="C36" s="13">
        <v>50</v>
      </c>
      <c r="D36" s="19">
        <v>33</v>
      </c>
      <c r="E36" s="19">
        <v>17</v>
      </c>
      <c r="F36" s="19"/>
      <c r="G36" s="18" t="s">
        <v>70</v>
      </c>
      <c r="H36" s="17"/>
      <c r="I36" s="13">
        <v>147</v>
      </c>
      <c r="J36" s="19">
        <v>67</v>
      </c>
      <c r="K36" s="19">
        <v>80</v>
      </c>
    </row>
    <row r="37" spans="1:11" ht="15" customHeight="1">
      <c r="A37" s="17" t="s">
        <v>71</v>
      </c>
      <c r="B37" s="17"/>
      <c r="C37" s="13">
        <v>62</v>
      </c>
      <c r="D37" s="19">
        <v>35</v>
      </c>
      <c r="E37" s="19">
        <v>27</v>
      </c>
      <c r="F37" s="19"/>
      <c r="G37" s="18" t="s">
        <v>72</v>
      </c>
      <c r="H37" s="17"/>
      <c r="I37" s="13">
        <v>142</v>
      </c>
      <c r="J37" s="19">
        <v>72</v>
      </c>
      <c r="K37" s="19">
        <v>70</v>
      </c>
    </row>
    <row r="38" spans="1:11" ht="15" customHeight="1">
      <c r="A38" s="17" t="s">
        <v>73</v>
      </c>
      <c r="B38" s="17"/>
      <c r="C38" s="13">
        <v>61</v>
      </c>
      <c r="D38" s="19">
        <v>36</v>
      </c>
      <c r="E38" s="19">
        <v>25</v>
      </c>
      <c r="F38" s="19"/>
      <c r="G38" s="18" t="s">
        <v>74</v>
      </c>
      <c r="H38" s="17"/>
      <c r="I38" s="13">
        <v>116</v>
      </c>
      <c r="J38" s="19">
        <v>51</v>
      </c>
      <c r="K38" s="19">
        <v>65</v>
      </c>
    </row>
    <row r="39" spans="1:11" ht="15" customHeight="1">
      <c r="A39" s="17" t="s">
        <v>75</v>
      </c>
      <c r="B39" s="17"/>
      <c r="C39" s="13">
        <v>66</v>
      </c>
      <c r="D39" s="19">
        <v>27</v>
      </c>
      <c r="E39" s="19">
        <v>39</v>
      </c>
      <c r="F39" s="19"/>
      <c r="G39" s="18" t="s">
        <v>76</v>
      </c>
      <c r="H39" s="17"/>
      <c r="I39" s="13">
        <v>129</v>
      </c>
      <c r="J39" s="19">
        <v>61</v>
      </c>
      <c r="K39" s="19">
        <v>68</v>
      </c>
    </row>
    <row r="40" spans="1:11" ht="15" customHeight="1">
      <c r="A40" s="17" t="s">
        <v>77</v>
      </c>
      <c r="B40" s="17"/>
      <c r="C40" s="13">
        <v>66</v>
      </c>
      <c r="D40" s="19">
        <v>31</v>
      </c>
      <c r="E40" s="19">
        <v>35</v>
      </c>
      <c r="F40" s="19"/>
      <c r="G40" s="18" t="s">
        <v>78</v>
      </c>
      <c r="H40" s="17"/>
      <c r="I40" s="13">
        <v>100</v>
      </c>
      <c r="J40" s="19">
        <v>53</v>
      </c>
      <c r="K40" s="19">
        <v>47</v>
      </c>
    </row>
    <row r="41" spans="1:11" ht="20.100000000000001" customHeight="1">
      <c r="A41" s="17" t="s">
        <v>79</v>
      </c>
      <c r="B41" s="17"/>
      <c r="C41" s="13">
        <v>356</v>
      </c>
      <c r="D41" s="14">
        <v>193</v>
      </c>
      <c r="E41" s="14">
        <v>163</v>
      </c>
      <c r="F41" s="14"/>
      <c r="G41" s="18" t="s">
        <v>80</v>
      </c>
      <c r="H41" s="17"/>
      <c r="I41" s="13">
        <v>398</v>
      </c>
      <c r="J41" s="14">
        <v>169</v>
      </c>
      <c r="K41" s="14">
        <v>229</v>
      </c>
    </row>
    <row r="42" spans="1:11" ht="15" customHeight="1">
      <c r="A42" s="17" t="s">
        <v>81</v>
      </c>
      <c r="B42" s="17"/>
      <c r="C42" s="13">
        <v>70</v>
      </c>
      <c r="D42" s="19">
        <v>38</v>
      </c>
      <c r="E42" s="19">
        <v>32</v>
      </c>
      <c r="F42" s="19"/>
      <c r="G42" s="18" t="s">
        <v>82</v>
      </c>
      <c r="H42" s="17"/>
      <c r="I42" s="13">
        <v>87</v>
      </c>
      <c r="J42" s="19">
        <v>37</v>
      </c>
      <c r="K42" s="19">
        <v>50</v>
      </c>
    </row>
    <row r="43" spans="1:11" ht="15" customHeight="1">
      <c r="A43" s="17" t="s">
        <v>83</v>
      </c>
      <c r="B43" s="17"/>
      <c r="C43" s="13">
        <v>71</v>
      </c>
      <c r="D43" s="19">
        <v>40</v>
      </c>
      <c r="E43" s="19">
        <v>31</v>
      </c>
      <c r="F43" s="19"/>
      <c r="G43" s="18" t="s">
        <v>84</v>
      </c>
      <c r="H43" s="17"/>
      <c r="I43" s="13">
        <v>95</v>
      </c>
      <c r="J43" s="19">
        <v>43</v>
      </c>
      <c r="K43" s="19">
        <v>52</v>
      </c>
    </row>
    <row r="44" spans="1:11" ht="15" customHeight="1">
      <c r="A44" s="17" t="s">
        <v>85</v>
      </c>
      <c r="B44" s="17"/>
      <c r="C44" s="13">
        <v>71</v>
      </c>
      <c r="D44" s="19">
        <v>39</v>
      </c>
      <c r="E44" s="19">
        <v>32</v>
      </c>
      <c r="F44" s="19"/>
      <c r="G44" s="18" t="s">
        <v>86</v>
      </c>
      <c r="H44" s="17"/>
      <c r="I44" s="13">
        <v>81</v>
      </c>
      <c r="J44" s="19">
        <v>36</v>
      </c>
      <c r="K44" s="19">
        <v>45</v>
      </c>
    </row>
    <row r="45" spans="1:11" ht="15" customHeight="1">
      <c r="A45" s="17" t="s">
        <v>87</v>
      </c>
      <c r="B45" s="17"/>
      <c r="C45" s="13">
        <v>75</v>
      </c>
      <c r="D45" s="19">
        <v>37</v>
      </c>
      <c r="E45" s="19">
        <v>38</v>
      </c>
      <c r="F45" s="19"/>
      <c r="G45" s="18" t="s">
        <v>88</v>
      </c>
      <c r="H45" s="17"/>
      <c r="I45" s="13">
        <v>75</v>
      </c>
      <c r="J45" s="19">
        <v>29</v>
      </c>
      <c r="K45" s="19">
        <v>46</v>
      </c>
    </row>
    <row r="46" spans="1:11" ht="15" customHeight="1">
      <c r="A46" s="17" t="s">
        <v>89</v>
      </c>
      <c r="B46" s="17"/>
      <c r="C46" s="13">
        <v>69</v>
      </c>
      <c r="D46" s="19">
        <v>39</v>
      </c>
      <c r="E46" s="19">
        <v>30</v>
      </c>
      <c r="F46" s="19"/>
      <c r="G46" s="18" t="s">
        <v>90</v>
      </c>
      <c r="H46" s="17"/>
      <c r="I46" s="13">
        <v>60</v>
      </c>
      <c r="J46" s="19">
        <v>24</v>
      </c>
      <c r="K46" s="19">
        <v>36</v>
      </c>
    </row>
    <row r="47" spans="1:11" ht="20.100000000000001" customHeight="1">
      <c r="A47" s="17" t="s">
        <v>91</v>
      </c>
      <c r="B47" s="17"/>
      <c r="C47" s="13">
        <v>504</v>
      </c>
      <c r="D47" s="14">
        <v>277</v>
      </c>
      <c r="E47" s="14">
        <v>227</v>
      </c>
      <c r="F47" s="14"/>
      <c r="G47" s="18" t="s">
        <v>92</v>
      </c>
      <c r="H47" s="17"/>
      <c r="I47" s="13">
        <v>268</v>
      </c>
      <c r="J47" s="14">
        <v>107</v>
      </c>
      <c r="K47" s="14">
        <v>161</v>
      </c>
    </row>
    <row r="48" spans="1:11" ht="15" customHeight="1">
      <c r="A48" s="17" t="s">
        <v>93</v>
      </c>
      <c r="B48" s="17"/>
      <c r="C48" s="13">
        <v>109</v>
      </c>
      <c r="D48" s="19">
        <v>60</v>
      </c>
      <c r="E48" s="19">
        <v>49</v>
      </c>
      <c r="F48" s="19"/>
      <c r="G48" s="18" t="s">
        <v>94</v>
      </c>
      <c r="H48" s="17"/>
      <c r="I48" s="13">
        <v>62</v>
      </c>
      <c r="J48" s="19">
        <v>33</v>
      </c>
      <c r="K48" s="19">
        <v>29</v>
      </c>
    </row>
    <row r="49" spans="1:11" ht="15" customHeight="1">
      <c r="A49" s="17" t="s">
        <v>95</v>
      </c>
      <c r="B49" s="17"/>
      <c r="C49" s="13">
        <v>88</v>
      </c>
      <c r="D49" s="19">
        <v>47</v>
      </c>
      <c r="E49" s="19">
        <v>41</v>
      </c>
      <c r="F49" s="19"/>
      <c r="G49" s="18" t="s">
        <v>96</v>
      </c>
      <c r="H49" s="17"/>
      <c r="I49" s="13">
        <v>62</v>
      </c>
      <c r="J49" s="19">
        <v>27</v>
      </c>
      <c r="K49" s="19">
        <v>35</v>
      </c>
    </row>
    <row r="50" spans="1:11" ht="15" customHeight="1">
      <c r="A50" s="17" t="s">
        <v>97</v>
      </c>
      <c r="B50" s="17"/>
      <c r="C50" s="13">
        <v>98</v>
      </c>
      <c r="D50" s="19">
        <v>56</v>
      </c>
      <c r="E50" s="19">
        <v>42</v>
      </c>
      <c r="F50" s="19"/>
      <c r="G50" s="18" t="s">
        <v>98</v>
      </c>
      <c r="H50" s="17"/>
      <c r="I50" s="13">
        <v>45</v>
      </c>
      <c r="J50" s="19">
        <v>16</v>
      </c>
      <c r="K50" s="19">
        <v>29</v>
      </c>
    </row>
    <row r="51" spans="1:11" ht="15" customHeight="1">
      <c r="A51" s="17" t="s">
        <v>99</v>
      </c>
      <c r="B51" s="17"/>
      <c r="C51" s="13">
        <v>101</v>
      </c>
      <c r="D51" s="19">
        <v>53</v>
      </c>
      <c r="E51" s="19">
        <v>48</v>
      </c>
      <c r="F51" s="19"/>
      <c r="G51" s="18" t="s">
        <v>100</v>
      </c>
      <c r="H51" s="17"/>
      <c r="I51" s="13">
        <v>53</v>
      </c>
      <c r="J51" s="19">
        <v>13</v>
      </c>
      <c r="K51" s="19">
        <v>40</v>
      </c>
    </row>
    <row r="52" spans="1:11" ht="15" customHeight="1">
      <c r="A52" s="17" t="s">
        <v>101</v>
      </c>
      <c r="B52" s="17"/>
      <c r="C52" s="13">
        <v>108</v>
      </c>
      <c r="D52" s="19">
        <v>61</v>
      </c>
      <c r="E52" s="19">
        <v>47</v>
      </c>
      <c r="F52" s="19"/>
      <c r="G52" s="18" t="s">
        <v>102</v>
      </c>
      <c r="H52" s="17"/>
      <c r="I52" s="13">
        <v>46</v>
      </c>
      <c r="J52" s="19">
        <v>18</v>
      </c>
      <c r="K52" s="19">
        <v>28</v>
      </c>
    </row>
    <row r="53" spans="1:11" ht="20.100000000000001" customHeight="1">
      <c r="A53" s="17" t="s">
        <v>103</v>
      </c>
      <c r="B53" s="17"/>
      <c r="C53" s="13">
        <v>684</v>
      </c>
      <c r="D53" s="14">
        <v>356</v>
      </c>
      <c r="E53" s="14">
        <v>328</v>
      </c>
      <c r="F53" s="14"/>
      <c r="G53" s="18" t="s">
        <v>104</v>
      </c>
      <c r="H53" s="17"/>
      <c r="I53" s="13">
        <v>151</v>
      </c>
      <c r="J53" s="14">
        <v>43</v>
      </c>
      <c r="K53" s="14">
        <v>108</v>
      </c>
    </row>
    <row r="54" spans="1:11" ht="15" customHeight="1">
      <c r="A54" s="17" t="s">
        <v>105</v>
      </c>
      <c r="B54" s="17"/>
      <c r="C54" s="13">
        <v>124</v>
      </c>
      <c r="D54" s="19">
        <v>68</v>
      </c>
      <c r="E54" s="19">
        <v>56</v>
      </c>
      <c r="F54" s="19"/>
      <c r="G54" s="18" t="s">
        <v>106</v>
      </c>
      <c r="H54" s="17"/>
      <c r="I54" s="13">
        <v>35</v>
      </c>
      <c r="J54" s="19">
        <v>12</v>
      </c>
      <c r="K54" s="19">
        <v>23</v>
      </c>
    </row>
    <row r="55" spans="1:11" ht="15" customHeight="1">
      <c r="A55" s="17" t="s">
        <v>107</v>
      </c>
      <c r="B55" s="17"/>
      <c r="C55" s="13">
        <v>143</v>
      </c>
      <c r="D55" s="19">
        <v>82</v>
      </c>
      <c r="E55" s="19">
        <v>61</v>
      </c>
      <c r="F55" s="19"/>
      <c r="G55" s="18" t="s">
        <v>108</v>
      </c>
      <c r="H55" s="17"/>
      <c r="I55" s="13">
        <v>38</v>
      </c>
      <c r="J55" s="19">
        <v>11</v>
      </c>
      <c r="K55" s="19">
        <v>27</v>
      </c>
    </row>
    <row r="56" spans="1:11" ht="15" customHeight="1">
      <c r="A56" s="17" t="s">
        <v>109</v>
      </c>
      <c r="B56" s="17"/>
      <c r="C56" s="13">
        <v>131</v>
      </c>
      <c r="D56" s="19">
        <v>66</v>
      </c>
      <c r="E56" s="19">
        <v>65</v>
      </c>
      <c r="F56" s="19"/>
      <c r="G56" s="18" t="s">
        <v>110</v>
      </c>
      <c r="H56" s="17"/>
      <c r="I56" s="13">
        <v>23</v>
      </c>
      <c r="J56" s="19">
        <v>5</v>
      </c>
      <c r="K56" s="19">
        <v>18</v>
      </c>
    </row>
    <row r="57" spans="1:11" ht="15" customHeight="1">
      <c r="A57" s="17" t="s">
        <v>111</v>
      </c>
      <c r="B57" s="17"/>
      <c r="C57" s="13">
        <v>127</v>
      </c>
      <c r="D57" s="19">
        <v>59</v>
      </c>
      <c r="E57" s="19">
        <v>68</v>
      </c>
      <c r="F57" s="19"/>
      <c r="G57" s="18" t="s">
        <v>112</v>
      </c>
      <c r="H57" s="17"/>
      <c r="I57" s="13">
        <v>29</v>
      </c>
      <c r="J57" s="19">
        <v>8</v>
      </c>
      <c r="K57" s="19">
        <v>21</v>
      </c>
    </row>
    <row r="58" spans="1:11" ht="15" customHeight="1">
      <c r="A58" s="17" t="s">
        <v>113</v>
      </c>
      <c r="B58" s="17"/>
      <c r="C58" s="13">
        <v>159</v>
      </c>
      <c r="D58" s="19">
        <v>81</v>
      </c>
      <c r="E58" s="19">
        <v>78</v>
      </c>
      <c r="F58" s="19"/>
      <c r="G58" s="18" t="s">
        <v>114</v>
      </c>
      <c r="H58" s="17"/>
      <c r="I58" s="13">
        <v>26</v>
      </c>
      <c r="J58" s="19">
        <v>7</v>
      </c>
      <c r="K58" s="19">
        <v>19</v>
      </c>
    </row>
    <row r="59" spans="1:11" ht="20.100000000000001" customHeight="1">
      <c r="A59" s="17" t="s">
        <v>115</v>
      </c>
      <c r="B59" s="17"/>
      <c r="C59" s="13">
        <v>747</v>
      </c>
      <c r="D59" s="14">
        <v>395</v>
      </c>
      <c r="E59" s="14">
        <v>352</v>
      </c>
      <c r="F59" s="14"/>
      <c r="G59" s="18" t="s">
        <v>116</v>
      </c>
      <c r="H59" s="17"/>
      <c r="I59" s="13">
        <v>57</v>
      </c>
      <c r="J59" s="14">
        <v>7</v>
      </c>
      <c r="K59" s="14">
        <v>50</v>
      </c>
    </row>
    <row r="60" spans="1:11" ht="15" customHeight="1">
      <c r="A60" s="17" t="s">
        <v>117</v>
      </c>
      <c r="B60" s="17"/>
      <c r="C60" s="13">
        <v>152</v>
      </c>
      <c r="D60" s="19">
        <v>73</v>
      </c>
      <c r="E60" s="19">
        <v>79</v>
      </c>
      <c r="F60" s="19"/>
      <c r="G60" s="18" t="s">
        <v>118</v>
      </c>
      <c r="H60" s="17"/>
      <c r="I60" s="13">
        <v>16</v>
      </c>
      <c r="J60" s="19">
        <v>4</v>
      </c>
      <c r="K60" s="19">
        <v>12</v>
      </c>
    </row>
    <row r="61" spans="1:11" ht="15" customHeight="1">
      <c r="A61" s="17" t="s">
        <v>119</v>
      </c>
      <c r="B61" s="17"/>
      <c r="C61" s="13">
        <v>170</v>
      </c>
      <c r="D61" s="19">
        <v>95</v>
      </c>
      <c r="E61" s="19">
        <v>75</v>
      </c>
      <c r="F61" s="19"/>
      <c r="G61" s="18" t="s">
        <v>120</v>
      </c>
      <c r="H61" s="17"/>
      <c r="I61" s="13">
        <v>13</v>
      </c>
      <c r="J61" s="19">
        <v>1</v>
      </c>
      <c r="K61" s="19">
        <v>12</v>
      </c>
    </row>
    <row r="62" spans="1:11" ht="15" customHeight="1">
      <c r="A62" s="17" t="s">
        <v>121</v>
      </c>
      <c r="B62" s="17"/>
      <c r="C62" s="13">
        <v>150</v>
      </c>
      <c r="D62" s="19">
        <v>75</v>
      </c>
      <c r="E62" s="19">
        <v>75</v>
      </c>
      <c r="F62" s="19"/>
      <c r="G62" s="18" t="s">
        <v>122</v>
      </c>
      <c r="H62" s="17"/>
      <c r="I62" s="13">
        <v>12</v>
      </c>
      <c r="J62" s="19">
        <v>2</v>
      </c>
      <c r="K62" s="19">
        <v>10</v>
      </c>
    </row>
    <row r="63" spans="1:11" ht="15" customHeight="1">
      <c r="A63" s="17" t="s">
        <v>123</v>
      </c>
      <c r="B63" s="17"/>
      <c r="C63" s="13">
        <v>146</v>
      </c>
      <c r="D63" s="19">
        <v>88</v>
      </c>
      <c r="E63" s="19">
        <v>58</v>
      </c>
      <c r="F63" s="19"/>
      <c r="G63" s="18" t="s">
        <v>124</v>
      </c>
      <c r="H63" s="17"/>
      <c r="I63" s="13">
        <v>8</v>
      </c>
      <c r="J63" s="19">
        <v>0</v>
      </c>
      <c r="K63" s="19">
        <v>8</v>
      </c>
    </row>
    <row r="64" spans="1:11" ht="15" customHeight="1">
      <c r="A64" s="17" t="s">
        <v>125</v>
      </c>
      <c r="B64" s="17"/>
      <c r="C64" s="13">
        <v>129</v>
      </c>
      <c r="D64" s="19">
        <v>64</v>
      </c>
      <c r="E64" s="19">
        <v>65</v>
      </c>
      <c r="F64" s="19"/>
      <c r="G64" s="18" t="s">
        <v>126</v>
      </c>
      <c r="H64" s="17"/>
      <c r="I64" s="13">
        <v>8</v>
      </c>
      <c r="J64" s="19">
        <v>0</v>
      </c>
      <c r="K64" s="19">
        <v>8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4</v>
      </c>
      <c r="J65" s="19">
        <v>0</v>
      </c>
      <c r="K65" s="19">
        <v>14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8</v>
      </c>
      <c r="J66" s="29">
        <v>8</v>
      </c>
      <c r="K66" s="29">
        <v>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19" pageOrder="overThenDown" orientation="portrait" blackAndWhite="1" useFirstPageNumber="1" horizontalDpi="300" verticalDpi="300"/>
  <headerFooter scaleWithDoc="0"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49168</v>
      </c>
      <c r="D4" s="14">
        <v>78319</v>
      </c>
      <c r="E4" s="14">
        <v>7084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997</v>
      </c>
      <c r="D5" s="14">
        <v>2579</v>
      </c>
      <c r="E5" s="14">
        <v>2418</v>
      </c>
      <c r="F5" s="14"/>
      <c r="G5" s="18" t="s">
        <v>8</v>
      </c>
      <c r="H5" s="17"/>
      <c r="I5" s="13">
        <v>13059</v>
      </c>
      <c r="J5" s="14">
        <v>7136</v>
      </c>
      <c r="K5" s="14">
        <v>5923</v>
      </c>
    </row>
    <row r="6" spans="1:11" ht="15" customHeight="1">
      <c r="A6" s="17" t="s">
        <v>9</v>
      </c>
      <c r="B6" s="17"/>
      <c r="C6" s="13">
        <v>966</v>
      </c>
      <c r="D6" s="19">
        <v>521</v>
      </c>
      <c r="E6" s="19">
        <v>445</v>
      </c>
      <c r="F6" s="19"/>
      <c r="G6" s="18" t="s">
        <v>10</v>
      </c>
      <c r="H6" s="17"/>
      <c r="I6" s="13">
        <v>2802</v>
      </c>
      <c r="J6" s="19">
        <v>1488</v>
      </c>
      <c r="K6" s="19">
        <v>1314</v>
      </c>
    </row>
    <row r="7" spans="1:11" ht="15" customHeight="1">
      <c r="A7" s="17" t="s">
        <v>11</v>
      </c>
      <c r="B7" s="17"/>
      <c r="C7" s="13">
        <v>998</v>
      </c>
      <c r="D7" s="19">
        <v>525</v>
      </c>
      <c r="E7" s="19">
        <v>473</v>
      </c>
      <c r="F7" s="19"/>
      <c r="G7" s="18" t="s">
        <v>12</v>
      </c>
      <c r="H7" s="17"/>
      <c r="I7" s="13">
        <v>2881</v>
      </c>
      <c r="J7" s="19">
        <v>1537</v>
      </c>
      <c r="K7" s="19">
        <v>1344</v>
      </c>
    </row>
    <row r="8" spans="1:11" ht="15" customHeight="1">
      <c r="A8" s="17" t="s">
        <v>13</v>
      </c>
      <c r="B8" s="17"/>
      <c r="C8" s="13">
        <v>1051</v>
      </c>
      <c r="D8" s="19">
        <v>545</v>
      </c>
      <c r="E8" s="19">
        <v>506</v>
      </c>
      <c r="F8" s="19"/>
      <c r="G8" s="18" t="s">
        <v>14</v>
      </c>
      <c r="H8" s="17"/>
      <c r="I8" s="13">
        <v>2109</v>
      </c>
      <c r="J8" s="19">
        <v>1156</v>
      </c>
      <c r="K8" s="19">
        <v>953</v>
      </c>
    </row>
    <row r="9" spans="1:11" ht="15" customHeight="1">
      <c r="A9" s="17" t="s">
        <v>15</v>
      </c>
      <c r="B9" s="17"/>
      <c r="C9" s="13">
        <v>988</v>
      </c>
      <c r="D9" s="19">
        <v>493</v>
      </c>
      <c r="E9" s="19">
        <v>495</v>
      </c>
      <c r="F9" s="19"/>
      <c r="G9" s="18" t="s">
        <v>16</v>
      </c>
      <c r="H9" s="17"/>
      <c r="I9" s="13">
        <v>2749</v>
      </c>
      <c r="J9" s="19">
        <v>1491</v>
      </c>
      <c r="K9" s="19">
        <v>1258</v>
      </c>
    </row>
    <row r="10" spans="1:11" ht="15" customHeight="1">
      <c r="A10" s="17" t="s">
        <v>17</v>
      </c>
      <c r="B10" s="17"/>
      <c r="C10" s="13">
        <v>994</v>
      </c>
      <c r="D10" s="19">
        <v>495</v>
      </c>
      <c r="E10" s="19">
        <v>499</v>
      </c>
      <c r="F10" s="19"/>
      <c r="G10" s="18" t="s">
        <v>18</v>
      </c>
      <c r="H10" s="17"/>
      <c r="I10" s="13">
        <v>2518</v>
      </c>
      <c r="J10" s="19">
        <v>1464</v>
      </c>
      <c r="K10" s="19">
        <v>1054</v>
      </c>
    </row>
    <row r="11" spans="1:11" ht="20.100000000000001" customHeight="1">
      <c r="A11" s="17" t="s">
        <v>19</v>
      </c>
      <c r="B11" s="17"/>
      <c r="C11" s="13">
        <v>5110</v>
      </c>
      <c r="D11" s="14">
        <v>2678</v>
      </c>
      <c r="E11" s="14">
        <v>2432</v>
      </c>
      <c r="F11" s="14"/>
      <c r="G11" s="18" t="s">
        <v>20</v>
      </c>
      <c r="H11" s="17"/>
      <c r="I11" s="13">
        <v>10359</v>
      </c>
      <c r="J11" s="14">
        <v>5753</v>
      </c>
      <c r="K11" s="14">
        <v>4606</v>
      </c>
    </row>
    <row r="12" spans="1:11" ht="15" customHeight="1">
      <c r="A12" s="17" t="s">
        <v>21</v>
      </c>
      <c r="B12" s="17"/>
      <c r="C12" s="13">
        <v>999</v>
      </c>
      <c r="D12" s="19">
        <v>509</v>
      </c>
      <c r="E12" s="19">
        <v>490</v>
      </c>
      <c r="F12" s="19"/>
      <c r="G12" s="18" t="s">
        <v>22</v>
      </c>
      <c r="H12" s="17"/>
      <c r="I12" s="13">
        <v>2364</v>
      </c>
      <c r="J12" s="19">
        <v>1336</v>
      </c>
      <c r="K12" s="19">
        <v>1028</v>
      </c>
    </row>
    <row r="13" spans="1:11" ht="15" customHeight="1">
      <c r="A13" s="17" t="s">
        <v>23</v>
      </c>
      <c r="B13" s="17"/>
      <c r="C13" s="13">
        <v>1052</v>
      </c>
      <c r="D13" s="19">
        <v>561</v>
      </c>
      <c r="E13" s="19">
        <v>491</v>
      </c>
      <c r="F13" s="19"/>
      <c r="G13" s="18" t="s">
        <v>24</v>
      </c>
      <c r="H13" s="17"/>
      <c r="I13" s="13">
        <v>2167</v>
      </c>
      <c r="J13" s="19">
        <v>1199</v>
      </c>
      <c r="K13" s="19">
        <v>968</v>
      </c>
    </row>
    <row r="14" spans="1:11" ht="15" customHeight="1">
      <c r="A14" s="17" t="s">
        <v>25</v>
      </c>
      <c r="B14" s="17"/>
      <c r="C14" s="13">
        <v>945</v>
      </c>
      <c r="D14" s="19">
        <v>493</v>
      </c>
      <c r="E14" s="19">
        <v>452</v>
      </c>
      <c r="F14" s="19"/>
      <c r="G14" s="18" t="s">
        <v>26</v>
      </c>
      <c r="H14" s="17"/>
      <c r="I14" s="13">
        <v>1964</v>
      </c>
      <c r="J14" s="19">
        <v>1070</v>
      </c>
      <c r="K14" s="19">
        <v>894</v>
      </c>
    </row>
    <row r="15" spans="1:11" ht="15" customHeight="1">
      <c r="A15" s="17" t="s">
        <v>27</v>
      </c>
      <c r="B15" s="17"/>
      <c r="C15" s="13">
        <v>1092</v>
      </c>
      <c r="D15" s="19">
        <v>575</v>
      </c>
      <c r="E15" s="19">
        <v>517</v>
      </c>
      <c r="F15" s="19"/>
      <c r="G15" s="18" t="s">
        <v>28</v>
      </c>
      <c r="H15" s="17"/>
      <c r="I15" s="13">
        <v>1966</v>
      </c>
      <c r="J15" s="19">
        <v>1058</v>
      </c>
      <c r="K15" s="19">
        <v>908</v>
      </c>
    </row>
    <row r="16" spans="1:11" ht="15" customHeight="1">
      <c r="A16" s="17" t="s">
        <v>29</v>
      </c>
      <c r="B16" s="17"/>
      <c r="C16" s="13">
        <v>1022</v>
      </c>
      <c r="D16" s="19">
        <v>540</v>
      </c>
      <c r="E16" s="19">
        <v>482</v>
      </c>
      <c r="F16" s="19"/>
      <c r="G16" s="18" t="s">
        <v>30</v>
      </c>
      <c r="H16" s="17"/>
      <c r="I16" s="13">
        <v>1898</v>
      </c>
      <c r="J16" s="19">
        <v>1090</v>
      </c>
      <c r="K16" s="19">
        <v>808</v>
      </c>
    </row>
    <row r="17" spans="1:11" ht="20.100000000000001" customHeight="1">
      <c r="A17" s="20" t="s">
        <v>31</v>
      </c>
      <c r="B17" s="20"/>
      <c r="C17" s="13">
        <v>5219</v>
      </c>
      <c r="D17" s="14">
        <v>2685</v>
      </c>
      <c r="E17" s="14">
        <v>2534</v>
      </c>
      <c r="F17" s="14"/>
      <c r="G17" s="18" t="s">
        <v>32</v>
      </c>
      <c r="H17" s="17"/>
      <c r="I17" s="13">
        <v>8592</v>
      </c>
      <c r="J17" s="14">
        <v>4865</v>
      </c>
      <c r="K17" s="14">
        <v>3727</v>
      </c>
    </row>
    <row r="18" spans="1:11" ht="15" customHeight="1">
      <c r="A18" s="17" t="s">
        <v>33</v>
      </c>
      <c r="B18" s="17"/>
      <c r="C18" s="13">
        <v>1052</v>
      </c>
      <c r="D18" s="19">
        <v>557</v>
      </c>
      <c r="E18" s="19">
        <v>495</v>
      </c>
      <c r="F18" s="19"/>
      <c r="G18" s="18" t="s">
        <v>34</v>
      </c>
      <c r="H18" s="17"/>
      <c r="I18" s="13">
        <v>1925</v>
      </c>
      <c r="J18" s="19">
        <v>1102</v>
      </c>
      <c r="K18" s="19">
        <v>823</v>
      </c>
    </row>
    <row r="19" spans="1:11" ht="15" customHeight="1">
      <c r="A19" s="17" t="s">
        <v>35</v>
      </c>
      <c r="B19" s="17"/>
      <c r="C19" s="13">
        <v>1058</v>
      </c>
      <c r="D19" s="19">
        <v>515</v>
      </c>
      <c r="E19" s="19">
        <v>543</v>
      </c>
      <c r="F19" s="19"/>
      <c r="G19" s="18" t="s">
        <v>36</v>
      </c>
      <c r="H19" s="17"/>
      <c r="I19" s="13">
        <v>1711</v>
      </c>
      <c r="J19" s="19">
        <v>972</v>
      </c>
      <c r="K19" s="19">
        <v>739</v>
      </c>
    </row>
    <row r="20" spans="1:11" ht="15" customHeight="1">
      <c r="A20" s="17" t="s">
        <v>37</v>
      </c>
      <c r="B20" s="17"/>
      <c r="C20" s="13">
        <v>1063</v>
      </c>
      <c r="D20" s="19">
        <v>557</v>
      </c>
      <c r="E20" s="19">
        <v>506</v>
      </c>
      <c r="F20" s="19"/>
      <c r="G20" s="18" t="s">
        <v>38</v>
      </c>
      <c r="H20" s="17"/>
      <c r="I20" s="13">
        <v>1652</v>
      </c>
      <c r="J20" s="19">
        <v>927</v>
      </c>
      <c r="K20" s="19">
        <v>725</v>
      </c>
    </row>
    <row r="21" spans="1:11" ht="15" customHeight="1">
      <c r="A21" s="17" t="s">
        <v>39</v>
      </c>
      <c r="B21" s="17"/>
      <c r="C21" s="13">
        <v>1011</v>
      </c>
      <c r="D21" s="19">
        <v>533</v>
      </c>
      <c r="E21" s="19">
        <v>478</v>
      </c>
      <c r="F21" s="19"/>
      <c r="G21" s="18" t="s">
        <v>40</v>
      </c>
      <c r="H21" s="17"/>
      <c r="I21" s="13">
        <v>1701</v>
      </c>
      <c r="J21" s="19">
        <v>956</v>
      </c>
      <c r="K21" s="19">
        <v>745</v>
      </c>
    </row>
    <row r="22" spans="1:11" ht="15" customHeight="1">
      <c r="A22" s="17" t="s">
        <v>41</v>
      </c>
      <c r="B22" s="17"/>
      <c r="C22" s="13">
        <v>1035</v>
      </c>
      <c r="D22" s="19">
        <v>523</v>
      </c>
      <c r="E22" s="19">
        <v>512</v>
      </c>
      <c r="F22" s="19"/>
      <c r="G22" s="18" t="s">
        <v>42</v>
      </c>
      <c r="H22" s="17"/>
      <c r="I22" s="13">
        <v>1603</v>
      </c>
      <c r="J22" s="19">
        <v>908</v>
      </c>
      <c r="K22" s="19">
        <v>695</v>
      </c>
    </row>
    <row r="23" spans="1:11" ht="20.100000000000001" customHeight="1">
      <c r="A23" s="17" t="s">
        <v>43</v>
      </c>
      <c r="B23" s="17"/>
      <c r="C23" s="13">
        <v>5553</v>
      </c>
      <c r="D23" s="14">
        <v>2800</v>
      </c>
      <c r="E23" s="14">
        <v>2753</v>
      </c>
      <c r="F23" s="14"/>
      <c r="G23" s="18" t="s">
        <v>44</v>
      </c>
      <c r="H23" s="17"/>
      <c r="I23" s="13">
        <v>9806</v>
      </c>
      <c r="J23" s="14">
        <v>5730</v>
      </c>
      <c r="K23" s="14">
        <v>4076</v>
      </c>
    </row>
    <row r="24" spans="1:11" ht="15" customHeight="1">
      <c r="A24" s="17" t="s">
        <v>45</v>
      </c>
      <c r="B24" s="17"/>
      <c r="C24" s="13">
        <v>1063</v>
      </c>
      <c r="D24" s="19">
        <v>544</v>
      </c>
      <c r="E24" s="19">
        <v>519</v>
      </c>
      <c r="F24" s="19"/>
      <c r="G24" s="18" t="s">
        <v>46</v>
      </c>
      <c r="H24" s="17"/>
      <c r="I24" s="13">
        <v>1712</v>
      </c>
      <c r="J24" s="19">
        <v>961</v>
      </c>
      <c r="K24" s="19">
        <v>751</v>
      </c>
    </row>
    <row r="25" spans="1:11" ht="15" customHeight="1">
      <c r="A25" s="17" t="s">
        <v>47</v>
      </c>
      <c r="B25" s="17"/>
      <c r="C25" s="13">
        <v>1068</v>
      </c>
      <c r="D25" s="19">
        <v>508</v>
      </c>
      <c r="E25" s="19">
        <v>560</v>
      </c>
      <c r="F25" s="19"/>
      <c r="G25" s="18" t="s">
        <v>48</v>
      </c>
      <c r="H25" s="17"/>
      <c r="I25" s="13">
        <v>1831</v>
      </c>
      <c r="J25" s="19">
        <v>1060</v>
      </c>
      <c r="K25" s="19">
        <v>771</v>
      </c>
    </row>
    <row r="26" spans="1:11" ht="15" customHeight="1">
      <c r="A26" s="17" t="s">
        <v>49</v>
      </c>
      <c r="B26" s="17"/>
      <c r="C26" s="13">
        <v>1077</v>
      </c>
      <c r="D26" s="19">
        <v>546</v>
      </c>
      <c r="E26" s="19">
        <v>531</v>
      </c>
      <c r="F26" s="19"/>
      <c r="G26" s="18" t="s">
        <v>50</v>
      </c>
      <c r="H26" s="17"/>
      <c r="I26" s="13">
        <v>1822</v>
      </c>
      <c r="J26" s="19">
        <v>1060</v>
      </c>
      <c r="K26" s="19">
        <v>762</v>
      </c>
    </row>
    <row r="27" spans="1:11" ht="15" customHeight="1">
      <c r="A27" s="17" t="s">
        <v>51</v>
      </c>
      <c r="B27" s="17"/>
      <c r="C27" s="13">
        <v>1136</v>
      </c>
      <c r="D27" s="19">
        <v>593</v>
      </c>
      <c r="E27" s="19">
        <v>543</v>
      </c>
      <c r="F27" s="19"/>
      <c r="G27" s="18" t="s">
        <v>52</v>
      </c>
      <c r="H27" s="17"/>
      <c r="I27" s="13">
        <v>2123</v>
      </c>
      <c r="J27" s="19">
        <v>1302</v>
      </c>
      <c r="K27" s="19">
        <v>821</v>
      </c>
    </row>
    <row r="28" spans="1:11" ht="15" customHeight="1">
      <c r="A28" s="17" t="s">
        <v>53</v>
      </c>
      <c r="B28" s="17"/>
      <c r="C28" s="13">
        <v>1209</v>
      </c>
      <c r="D28" s="19">
        <v>609</v>
      </c>
      <c r="E28" s="19">
        <v>600</v>
      </c>
      <c r="F28" s="19"/>
      <c r="G28" s="18" t="s">
        <v>54</v>
      </c>
      <c r="H28" s="17"/>
      <c r="I28" s="13">
        <v>2318</v>
      </c>
      <c r="J28" s="19">
        <v>1347</v>
      </c>
      <c r="K28" s="19">
        <v>971</v>
      </c>
    </row>
    <row r="29" spans="1:11" ht="20.100000000000001" customHeight="1">
      <c r="A29" s="17" t="s">
        <v>55</v>
      </c>
      <c r="B29" s="17"/>
      <c r="C29" s="13">
        <v>7053</v>
      </c>
      <c r="D29" s="14">
        <v>3665</v>
      </c>
      <c r="E29" s="14">
        <v>3388</v>
      </c>
      <c r="F29" s="14"/>
      <c r="G29" s="18" t="s">
        <v>56</v>
      </c>
      <c r="H29" s="17"/>
      <c r="I29" s="13">
        <v>8919</v>
      </c>
      <c r="J29" s="14">
        <v>4937</v>
      </c>
      <c r="K29" s="14">
        <v>3982</v>
      </c>
    </row>
    <row r="30" spans="1:11" ht="15" customHeight="1">
      <c r="A30" s="17" t="s">
        <v>57</v>
      </c>
      <c r="B30" s="17"/>
      <c r="C30" s="13">
        <v>1268</v>
      </c>
      <c r="D30" s="19">
        <v>633</v>
      </c>
      <c r="E30" s="19">
        <v>635</v>
      </c>
      <c r="F30" s="19"/>
      <c r="G30" s="18" t="s">
        <v>58</v>
      </c>
      <c r="H30" s="17"/>
      <c r="I30" s="13">
        <v>2188</v>
      </c>
      <c r="J30" s="19">
        <v>1196</v>
      </c>
      <c r="K30" s="19">
        <v>992</v>
      </c>
    </row>
    <row r="31" spans="1:11" ht="15" customHeight="1">
      <c r="A31" s="17" t="s">
        <v>59</v>
      </c>
      <c r="B31" s="17"/>
      <c r="C31" s="13">
        <v>1302</v>
      </c>
      <c r="D31" s="19">
        <v>692</v>
      </c>
      <c r="E31" s="19">
        <v>610</v>
      </c>
      <c r="F31" s="19"/>
      <c r="G31" s="18" t="s">
        <v>60</v>
      </c>
      <c r="H31" s="17"/>
      <c r="I31" s="13">
        <v>2319</v>
      </c>
      <c r="J31" s="19">
        <v>1305</v>
      </c>
      <c r="K31" s="19">
        <v>1014</v>
      </c>
    </row>
    <row r="32" spans="1:11" ht="15" customHeight="1">
      <c r="A32" s="17" t="s">
        <v>61</v>
      </c>
      <c r="B32" s="17"/>
      <c r="C32" s="13">
        <v>1378</v>
      </c>
      <c r="D32" s="19">
        <v>720</v>
      </c>
      <c r="E32" s="19">
        <v>658</v>
      </c>
      <c r="F32" s="19"/>
      <c r="G32" s="18" t="s">
        <v>62</v>
      </c>
      <c r="H32" s="17"/>
      <c r="I32" s="13">
        <v>1444</v>
      </c>
      <c r="J32" s="19">
        <v>820</v>
      </c>
      <c r="K32" s="19">
        <v>624</v>
      </c>
    </row>
    <row r="33" spans="1:11" ht="15" customHeight="1">
      <c r="A33" s="17" t="s">
        <v>63</v>
      </c>
      <c r="B33" s="17"/>
      <c r="C33" s="13">
        <v>1619</v>
      </c>
      <c r="D33" s="19">
        <v>866</v>
      </c>
      <c r="E33" s="19">
        <v>753</v>
      </c>
      <c r="F33" s="19"/>
      <c r="G33" s="18" t="s">
        <v>64</v>
      </c>
      <c r="H33" s="17"/>
      <c r="I33" s="13">
        <v>1375</v>
      </c>
      <c r="J33" s="19">
        <v>716</v>
      </c>
      <c r="K33" s="19">
        <v>659</v>
      </c>
    </row>
    <row r="34" spans="1:11" ht="15" customHeight="1">
      <c r="A34" s="17" t="s">
        <v>65</v>
      </c>
      <c r="B34" s="17"/>
      <c r="C34" s="13">
        <v>1486</v>
      </c>
      <c r="D34" s="19">
        <v>754</v>
      </c>
      <c r="E34" s="19">
        <v>732</v>
      </c>
      <c r="F34" s="19"/>
      <c r="G34" s="18" t="s">
        <v>66</v>
      </c>
      <c r="H34" s="17"/>
      <c r="I34" s="13">
        <v>1593</v>
      </c>
      <c r="J34" s="19">
        <v>900</v>
      </c>
      <c r="K34" s="19">
        <v>693</v>
      </c>
    </row>
    <row r="35" spans="1:11" ht="20.100000000000001" customHeight="1">
      <c r="A35" s="17" t="s">
        <v>67</v>
      </c>
      <c r="B35" s="17"/>
      <c r="C35" s="13">
        <v>7576</v>
      </c>
      <c r="D35" s="14">
        <v>4025</v>
      </c>
      <c r="E35" s="14">
        <v>3551</v>
      </c>
      <c r="F35" s="14"/>
      <c r="G35" s="18" t="s">
        <v>68</v>
      </c>
      <c r="H35" s="17"/>
      <c r="I35" s="13">
        <v>6663</v>
      </c>
      <c r="J35" s="14">
        <v>3411</v>
      </c>
      <c r="K35" s="14">
        <v>3252</v>
      </c>
    </row>
    <row r="36" spans="1:11" ht="15" customHeight="1">
      <c r="A36" s="17" t="s">
        <v>69</v>
      </c>
      <c r="B36" s="17"/>
      <c r="C36" s="13">
        <v>1536</v>
      </c>
      <c r="D36" s="19">
        <v>794</v>
      </c>
      <c r="E36" s="19">
        <v>742</v>
      </c>
      <c r="F36" s="19"/>
      <c r="G36" s="18" t="s">
        <v>70</v>
      </c>
      <c r="H36" s="17"/>
      <c r="I36" s="13">
        <v>1554</v>
      </c>
      <c r="J36" s="19">
        <v>829</v>
      </c>
      <c r="K36" s="19">
        <v>725</v>
      </c>
    </row>
    <row r="37" spans="1:11" ht="15" customHeight="1">
      <c r="A37" s="17" t="s">
        <v>71</v>
      </c>
      <c r="B37" s="17"/>
      <c r="C37" s="13">
        <v>1487</v>
      </c>
      <c r="D37" s="19">
        <v>826</v>
      </c>
      <c r="E37" s="19">
        <v>661</v>
      </c>
      <c r="F37" s="19"/>
      <c r="G37" s="18" t="s">
        <v>72</v>
      </c>
      <c r="H37" s="17"/>
      <c r="I37" s="13">
        <v>1507</v>
      </c>
      <c r="J37" s="19">
        <v>786</v>
      </c>
      <c r="K37" s="19">
        <v>721</v>
      </c>
    </row>
    <row r="38" spans="1:11" ht="15" customHeight="1">
      <c r="A38" s="17" t="s">
        <v>73</v>
      </c>
      <c r="B38" s="17"/>
      <c r="C38" s="13">
        <v>1501</v>
      </c>
      <c r="D38" s="19">
        <v>807</v>
      </c>
      <c r="E38" s="19">
        <v>694</v>
      </c>
      <c r="F38" s="19"/>
      <c r="G38" s="18" t="s">
        <v>74</v>
      </c>
      <c r="H38" s="17"/>
      <c r="I38" s="13">
        <v>1340</v>
      </c>
      <c r="J38" s="19">
        <v>703</v>
      </c>
      <c r="K38" s="19">
        <v>637</v>
      </c>
    </row>
    <row r="39" spans="1:11" ht="15" customHeight="1">
      <c r="A39" s="17" t="s">
        <v>75</v>
      </c>
      <c r="B39" s="17"/>
      <c r="C39" s="13">
        <v>1553</v>
      </c>
      <c r="D39" s="19">
        <v>835</v>
      </c>
      <c r="E39" s="19">
        <v>718</v>
      </c>
      <c r="F39" s="19"/>
      <c r="G39" s="18" t="s">
        <v>76</v>
      </c>
      <c r="H39" s="17"/>
      <c r="I39" s="13">
        <v>1227</v>
      </c>
      <c r="J39" s="19">
        <v>592</v>
      </c>
      <c r="K39" s="19">
        <v>635</v>
      </c>
    </row>
    <row r="40" spans="1:11" ht="15" customHeight="1">
      <c r="A40" s="17" t="s">
        <v>77</v>
      </c>
      <c r="B40" s="17"/>
      <c r="C40" s="13">
        <v>1499</v>
      </c>
      <c r="D40" s="19">
        <v>763</v>
      </c>
      <c r="E40" s="19">
        <v>736</v>
      </c>
      <c r="F40" s="19"/>
      <c r="G40" s="18" t="s">
        <v>78</v>
      </c>
      <c r="H40" s="17"/>
      <c r="I40" s="13">
        <v>1035</v>
      </c>
      <c r="J40" s="19">
        <v>501</v>
      </c>
      <c r="K40" s="19">
        <v>534</v>
      </c>
    </row>
    <row r="41" spans="1:11" ht="20.100000000000001" customHeight="1">
      <c r="A41" s="17" t="s">
        <v>79</v>
      </c>
      <c r="B41" s="17"/>
      <c r="C41" s="13">
        <v>8373</v>
      </c>
      <c r="D41" s="14">
        <v>4339</v>
      </c>
      <c r="E41" s="14">
        <v>4034</v>
      </c>
      <c r="F41" s="14"/>
      <c r="G41" s="18" t="s">
        <v>80</v>
      </c>
      <c r="H41" s="17"/>
      <c r="I41" s="13">
        <v>4829</v>
      </c>
      <c r="J41" s="14">
        <v>2085</v>
      </c>
      <c r="K41" s="14">
        <v>2744</v>
      </c>
    </row>
    <row r="42" spans="1:11" ht="15" customHeight="1">
      <c r="A42" s="17" t="s">
        <v>81</v>
      </c>
      <c r="B42" s="17"/>
      <c r="C42" s="13">
        <v>1590</v>
      </c>
      <c r="D42" s="19">
        <v>746</v>
      </c>
      <c r="E42" s="19">
        <v>844</v>
      </c>
      <c r="F42" s="19"/>
      <c r="G42" s="18" t="s">
        <v>82</v>
      </c>
      <c r="H42" s="17"/>
      <c r="I42" s="13">
        <v>941</v>
      </c>
      <c r="J42" s="19">
        <v>450</v>
      </c>
      <c r="K42" s="19">
        <v>491</v>
      </c>
    </row>
    <row r="43" spans="1:11" ht="15" customHeight="1">
      <c r="A43" s="17" t="s">
        <v>83</v>
      </c>
      <c r="B43" s="17"/>
      <c r="C43" s="13">
        <v>1552</v>
      </c>
      <c r="D43" s="19">
        <v>819</v>
      </c>
      <c r="E43" s="19">
        <v>733</v>
      </c>
      <c r="F43" s="19"/>
      <c r="G43" s="18" t="s">
        <v>84</v>
      </c>
      <c r="H43" s="17"/>
      <c r="I43" s="13">
        <v>1059</v>
      </c>
      <c r="J43" s="19">
        <v>457</v>
      </c>
      <c r="K43" s="19">
        <v>602</v>
      </c>
    </row>
    <row r="44" spans="1:11" ht="15" customHeight="1">
      <c r="A44" s="17" t="s">
        <v>85</v>
      </c>
      <c r="B44" s="17"/>
      <c r="C44" s="13">
        <v>1594</v>
      </c>
      <c r="D44" s="19">
        <v>764</v>
      </c>
      <c r="E44" s="19">
        <v>830</v>
      </c>
      <c r="F44" s="19"/>
      <c r="G44" s="18" t="s">
        <v>86</v>
      </c>
      <c r="H44" s="17"/>
      <c r="I44" s="13">
        <v>956</v>
      </c>
      <c r="J44" s="19">
        <v>394</v>
      </c>
      <c r="K44" s="19">
        <v>562</v>
      </c>
    </row>
    <row r="45" spans="1:11" ht="15" customHeight="1">
      <c r="A45" s="17" t="s">
        <v>87</v>
      </c>
      <c r="B45" s="17"/>
      <c r="C45" s="13">
        <v>1754</v>
      </c>
      <c r="D45" s="19">
        <v>949</v>
      </c>
      <c r="E45" s="19">
        <v>805</v>
      </c>
      <c r="F45" s="19"/>
      <c r="G45" s="18" t="s">
        <v>88</v>
      </c>
      <c r="H45" s="17"/>
      <c r="I45" s="13">
        <v>1028</v>
      </c>
      <c r="J45" s="19">
        <v>445</v>
      </c>
      <c r="K45" s="19">
        <v>583</v>
      </c>
    </row>
    <row r="46" spans="1:11" ht="15" customHeight="1">
      <c r="A46" s="17" t="s">
        <v>89</v>
      </c>
      <c r="B46" s="17"/>
      <c r="C46" s="13">
        <v>1883</v>
      </c>
      <c r="D46" s="19">
        <v>1061</v>
      </c>
      <c r="E46" s="19">
        <v>822</v>
      </c>
      <c r="F46" s="19"/>
      <c r="G46" s="18" t="s">
        <v>90</v>
      </c>
      <c r="H46" s="17"/>
      <c r="I46" s="13">
        <v>845</v>
      </c>
      <c r="J46" s="19">
        <v>339</v>
      </c>
      <c r="K46" s="19">
        <v>506</v>
      </c>
    </row>
    <row r="47" spans="1:11" ht="20.100000000000001" customHeight="1">
      <c r="A47" s="17" t="s">
        <v>91</v>
      </c>
      <c r="B47" s="17"/>
      <c r="C47" s="13">
        <v>9414</v>
      </c>
      <c r="D47" s="14">
        <v>4706</v>
      </c>
      <c r="E47" s="14">
        <v>4708</v>
      </c>
      <c r="F47" s="14"/>
      <c r="G47" s="18" t="s">
        <v>92</v>
      </c>
      <c r="H47" s="17"/>
      <c r="I47" s="13">
        <v>3135</v>
      </c>
      <c r="J47" s="14">
        <v>1118</v>
      </c>
      <c r="K47" s="14">
        <v>2017</v>
      </c>
    </row>
    <row r="48" spans="1:11" ht="15" customHeight="1">
      <c r="A48" s="17" t="s">
        <v>93</v>
      </c>
      <c r="B48" s="17"/>
      <c r="C48" s="13">
        <v>1795</v>
      </c>
      <c r="D48" s="19">
        <v>876</v>
      </c>
      <c r="E48" s="19">
        <v>919</v>
      </c>
      <c r="F48" s="19"/>
      <c r="G48" s="18" t="s">
        <v>94</v>
      </c>
      <c r="H48" s="17"/>
      <c r="I48" s="13">
        <v>777</v>
      </c>
      <c r="J48" s="19">
        <v>302</v>
      </c>
      <c r="K48" s="19">
        <v>475</v>
      </c>
    </row>
    <row r="49" spans="1:11" ht="15" customHeight="1">
      <c r="A49" s="17" t="s">
        <v>95</v>
      </c>
      <c r="B49" s="17"/>
      <c r="C49" s="13">
        <v>1808</v>
      </c>
      <c r="D49" s="19">
        <v>920</v>
      </c>
      <c r="E49" s="19">
        <v>888</v>
      </c>
      <c r="F49" s="19"/>
      <c r="G49" s="18" t="s">
        <v>96</v>
      </c>
      <c r="H49" s="17"/>
      <c r="I49" s="13">
        <v>725</v>
      </c>
      <c r="J49" s="19">
        <v>271</v>
      </c>
      <c r="K49" s="19">
        <v>454</v>
      </c>
    </row>
    <row r="50" spans="1:11" ht="15" customHeight="1">
      <c r="A50" s="17" t="s">
        <v>97</v>
      </c>
      <c r="B50" s="17"/>
      <c r="C50" s="13">
        <v>1809</v>
      </c>
      <c r="D50" s="19">
        <v>902</v>
      </c>
      <c r="E50" s="19">
        <v>907</v>
      </c>
      <c r="F50" s="19"/>
      <c r="G50" s="18" t="s">
        <v>98</v>
      </c>
      <c r="H50" s="17"/>
      <c r="I50" s="13">
        <v>694</v>
      </c>
      <c r="J50" s="19">
        <v>244</v>
      </c>
      <c r="K50" s="19">
        <v>450</v>
      </c>
    </row>
    <row r="51" spans="1:11" ht="15" customHeight="1">
      <c r="A51" s="17" t="s">
        <v>99</v>
      </c>
      <c r="B51" s="17"/>
      <c r="C51" s="13">
        <v>1928</v>
      </c>
      <c r="D51" s="19">
        <v>964</v>
      </c>
      <c r="E51" s="19">
        <v>964</v>
      </c>
      <c r="F51" s="19"/>
      <c r="G51" s="18" t="s">
        <v>100</v>
      </c>
      <c r="H51" s="17"/>
      <c r="I51" s="13">
        <v>493</v>
      </c>
      <c r="J51" s="19">
        <v>167</v>
      </c>
      <c r="K51" s="19">
        <v>326</v>
      </c>
    </row>
    <row r="52" spans="1:11" ht="15" customHeight="1">
      <c r="A52" s="17" t="s">
        <v>101</v>
      </c>
      <c r="B52" s="17"/>
      <c r="C52" s="13">
        <v>2074</v>
      </c>
      <c r="D52" s="19">
        <v>1044</v>
      </c>
      <c r="E52" s="19">
        <v>1030</v>
      </c>
      <c r="F52" s="19"/>
      <c r="G52" s="18" t="s">
        <v>102</v>
      </c>
      <c r="H52" s="17"/>
      <c r="I52" s="13">
        <v>446</v>
      </c>
      <c r="J52" s="19">
        <v>134</v>
      </c>
      <c r="K52" s="19">
        <v>312</v>
      </c>
    </row>
    <row r="53" spans="1:11" ht="20.100000000000001" customHeight="1">
      <c r="A53" s="17" t="s">
        <v>103</v>
      </c>
      <c r="B53" s="17"/>
      <c r="C53" s="13">
        <v>11771</v>
      </c>
      <c r="D53" s="14">
        <v>5965</v>
      </c>
      <c r="E53" s="14">
        <v>5806</v>
      </c>
      <c r="F53" s="14"/>
      <c r="G53" s="18" t="s">
        <v>104</v>
      </c>
      <c r="H53" s="17"/>
      <c r="I53" s="13">
        <v>1415</v>
      </c>
      <c r="J53" s="14">
        <v>412</v>
      </c>
      <c r="K53" s="14">
        <v>1003</v>
      </c>
    </row>
    <row r="54" spans="1:11" ht="15" customHeight="1">
      <c r="A54" s="17" t="s">
        <v>105</v>
      </c>
      <c r="B54" s="17"/>
      <c r="C54" s="13">
        <v>2155</v>
      </c>
      <c r="D54" s="19">
        <v>1049</v>
      </c>
      <c r="E54" s="19">
        <v>1106</v>
      </c>
      <c r="F54" s="19"/>
      <c r="G54" s="18" t="s">
        <v>106</v>
      </c>
      <c r="H54" s="17"/>
      <c r="I54" s="13">
        <v>413</v>
      </c>
      <c r="J54" s="19">
        <v>143</v>
      </c>
      <c r="K54" s="19">
        <v>270</v>
      </c>
    </row>
    <row r="55" spans="1:11" ht="15" customHeight="1">
      <c r="A55" s="17" t="s">
        <v>107</v>
      </c>
      <c r="B55" s="17"/>
      <c r="C55" s="13">
        <v>2264</v>
      </c>
      <c r="D55" s="19">
        <v>1210</v>
      </c>
      <c r="E55" s="19">
        <v>1054</v>
      </c>
      <c r="F55" s="19"/>
      <c r="G55" s="18" t="s">
        <v>108</v>
      </c>
      <c r="H55" s="17"/>
      <c r="I55" s="13">
        <v>333</v>
      </c>
      <c r="J55" s="19">
        <v>107</v>
      </c>
      <c r="K55" s="19">
        <v>226</v>
      </c>
    </row>
    <row r="56" spans="1:11" ht="15" customHeight="1">
      <c r="A56" s="17" t="s">
        <v>109</v>
      </c>
      <c r="B56" s="17"/>
      <c r="C56" s="13">
        <v>2347</v>
      </c>
      <c r="D56" s="19">
        <v>1153</v>
      </c>
      <c r="E56" s="19">
        <v>1194</v>
      </c>
      <c r="F56" s="19"/>
      <c r="G56" s="18" t="s">
        <v>110</v>
      </c>
      <c r="H56" s="17"/>
      <c r="I56" s="13">
        <v>256</v>
      </c>
      <c r="J56" s="19">
        <v>73</v>
      </c>
      <c r="K56" s="19">
        <v>183</v>
      </c>
    </row>
    <row r="57" spans="1:11" ht="15" customHeight="1">
      <c r="A57" s="17" t="s">
        <v>111</v>
      </c>
      <c r="B57" s="17"/>
      <c r="C57" s="13">
        <v>2439</v>
      </c>
      <c r="D57" s="19">
        <v>1244</v>
      </c>
      <c r="E57" s="19">
        <v>1195</v>
      </c>
      <c r="F57" s="19"/>
      <c r="G57" s="18" t="s">
        <v>112</v>
      </c>
      <c r="H57" s="17"/>
      <c r="I57" s="13">
        <v>237</v>
      </c>
      <c r="J57" s="19">
        <v>55</v>
      </c>
      <c r="K57" s="19">
        <v>182</v>
      </c>
    </row>
    <row r="58" spans="1:11" ht="15" customHeight="1">
      <c r="A58" s="17" t="s">
        <v>113</v>
      </c>
      <c r="B58" s="17"/>
      <c r="C58" s="13">
        <v>2566</v>
      </c>
      <c r="D58" s="19">
        <v>1309</v>
      </c>
      <c r="E58" s="19">
        <v>1257</v>
      </c>
      <c r="F58" s="19"/>
      <c r="G58" s="18" t="s">
        <v>114</v>
      </c>
      <c r="H58" s="17"/>
      <c r="I58" s="13">
        <v>176</v>
      </c>
      <c r="J58" s="19">
        <v>34</v>
      </c>
      <c r="K58" s="19">
        <v>142</v>
      </c>
    </row>
    <row r="59" spans="1:11" ht="20.100000000000001" customHeight="1">
      <c r="A59" s="17" t="s">
        <v>115</v>
      </c>
      <c r="B59" s="17"/>
      <c r="C59" s="13">
        <v>14120</v>
      </c>
      <c r="D59" s="14">
        <v>7289</v>
      </c>
      <c r="E59" s="14">
        <v>6831</v>
      </c>
      <c r="F59" s="14"/>
      <c r="G59" s="18" t="s">
        <v>116</v>
      </c>
      <c r="H59" s="17"/>
      <c r="I59" s="13">
        <v>282</v>
      </c>
      <c r="J59" s="14">
        <v>69</v>
      </c>
      <c r="K59" s="14">
        <v>213</v>
      </c>
    </row>
    <row r="60" spans="1:11" ht="15" customHeight="1">
      <c r="A60" s="17" t="s">
        <v>117</v>
      </c>
      <c r="B60" s="17"/>
      <c r="C60" s="13">
        <v>2774</v>
      </c>
      <c r="D60" s="19">
        <v>1430</v>
      </c>
      <c r="E60" s="19">
        <v>1344</v>
      </c>
      <c r="F60" s="19"/>
      <c r="G60" s="18" t="s">
        <v>118</v>
      </c>
      <c r="H60" s="17"/>
      <c r="I60" s="13">
        <v>115</v>
      </c>
      <c r="J60" s="19">
        <v>26</v>
      </c>
      <c r="K60" s="19">
        <v>89</v>
      </c>
    </row>
    <row r="61" spans="1:11" ht="15" customHeight="1">
      <c r="A61" s="17" t="s">
        <v>119</v>
      </c>
      <c r="B61" s="17"/>
      <c r="C61" s="13">
        <v>2873</v>
      </c>
      <c r="D61" s="19">
        <v>1466</v>
      </c>
      <c r="E61" s="19">
        <v>1407</v>
      </c>
      <c r="F61" s="19"/>
      <c r="G61" s="18" t="s">
        <v>120</v>
      </c>
      <c r="H61" s="17"/>
      <c r="I61" s="13">
        <v>78</v>
      </c>
      <c r="J61" s="19">
        <v>16</v>
      </c>
      <c r="K61" s="19">
        <v>62</v>
      </c>
    </row>
    <row r="62" spans="1:11" ht="15" customHeight="1">
      <c r="A62" s="17" t="s">
        <v>121</v>
      </c>
      <c r="B62" s="17"/>
      <c r="C62" s="13">
        <v>2746</v>
      </c>
      <c r="D62" s="19">
        <v>1397</v>
      </c>
      <c r="E62" s="19">
        <v>1349</v>
      </c>
      <c r="F62" s="19"/>
      <c r="G62" s="18" t="s">
        <v>122</v>
      </c>
      <c r="H62" s="17"/>
      <c r="I62" s="13">
        <v>46</v>
      </c>
      <c r="J62" s="19">
        <v>14</v>
      </c>
      <c r="K62" s="19">
        <v>32</v>
      </c>
    </row>
    <row r="63" spans="1:11" ht="15" customHeight="1">
      <c r="A63" s="17" t="s">
        <v>123</v>
      </c>
      <c r="B63" s="17"/>
      <c r="C63" s="13">
        <v>2908</v>
      </c>
      <c r="D63" s="19">
        <v>1522</v>
      </c>
      <c r="E63" s="19">
        <v>1386</v>
      </c>
      <c r="F63" s="19"/>
      <c r="G63" s="18" t="s">
        <v>124</v>
      </c>
      <c r="H63" s="17"/>
      <c r="I63" s="13">
        <v>35</v>
      </c>
      <c r="J63" s="19">
        <v>5</v>
      </c>
      <c r="K63" s="19">
        <v>30</v>
      </c>
    </row>
    <row r="64" spans="1:11" ht="15" customHeight="1">
      <c r="A64" s="17" t="s">
        <v>125</v>
      </c>
      <c r="B64" s="17"/>
      <c r="C64" s="13">
        <v>2819</v>
      </c>
      <c r="D64" s="19">
        <v>1474</v>
      </c>
      <c r="E64" s="19">
        <v>1345</v>
      </c>
      <c r="F64" s="19"/>
      <c r="G64" s="18" t="s">
        <v>126</v>
      </c>
      <c r="H64" s="17"/>
      <c r="I64" s="13">
        <v>8</v>
      </c>
      <c r="J64" s="19">
        <v>8</v>
      </c>
      <c r="K64" s="19">
        <v>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30</v>
      </c>
      <c r="J65" s="19">
        <v>1</v>
      </c>
      <c r="K65" s="19">
        <v>2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893</v>
      </c>
      <c r="J66" s="29">
        <v>2071</v>
      </c>
      <c r="K66" s="29">
        <v>82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6" pageOrder="overThenDown" orientation="portrait" blackAndWhite="1" useFirstPageNumber="1" horizontalDpi="300" verticalDpi="300"/>
  <headerFooter scaleWithDoc="0"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85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036</v>
      </c>
      <c r="D4" s="14">
        <v>8474</v>
      </c>
      <c r="E4" s="14">
        <v>856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41</v>
      </c>
      <c r="D5" s="14">
        <v>289</v>
      </c>
      <c r="E5" s="14">
        <v>252</v>
      </c>
      <c r="F5" s="14"/>
      <c r="G5" s="18" t="s">
        <v>8</v>
      </c>
      <c r="H5" s="17"/>
      <c r="I5" s="13">
        <v>1232</v>
      </c>
      <c r="J5" s="14">
        <v>639</v>
      </c>
      <c r="K5" s="14">
        <v>593</v>
      </c>
    </row>
    <row r="6" spans="1:11" ht="15" customHeight="1">
      <c r="A6" s="17" t="s">
        <v>9</v>
      </c>
      <c r="B6" s="17"/>
      <c r="C6" s="13">
        <v>110</v>
      </c>
      <c r="D6" s="19">
        <v>51</v>
      </c>
      <c r="E6" s="19">
        <v>59</v>
      </c>
      <c r="F6" s="19"/>
      <c r="G6" s="18" t="s">
        <v>10</v>
      </c>
      <c r="H6" s="17"/>
      <c r="I6" s="13">
        <v>270</v>
      </c>
      <c r="J6" s="19">
        <v>135</v>
      </c>
      <c r="K6" s="19">
        <v>135</v>
      </c>
    </row>
    <row r="7" spans="1:11" ht="15" customHeight="1">
      <c r="A7" s="17" t="s">
        <v>11</v>
      </c>
      <c r="B7" s="17"/>
      <c r="C7" s="13">
        <v>102</v>
      </c>
      <c r="D7" s="19">
        <v>47</v>
      </c>
      <c r="E7" s="19">
        <v>55</v>
      </c>
      <c r="F7" s="19"/>
      <c r="G7" s="18" t="s">
        <v>12</v>
      </c>
      <c r="H7" s="17"/>
      <c r="I7" s="13">
        <v>279</v>
      </c>
      <c r="J7" s="19">
        <v>146</v>
      </c>
      <c r="K7" s="19">
        <v>133</v>
      </c>
    </row>
    <row r="8" spans="1:11" ht="15" customHeight="1">
      <c r="A8" s="17" t="s">
        <v>13</v>
      </c>
      <c r="B8" s="17"/>
      <c r="C8" s="13">
        <v>115</v>
      </c>
      <c r="D8" s="19">
        <v>73</v>
      </c>
      <c r="E8" s="19">
        <v>42</v>
      </c>
      <c r="F8" s="19"/>
      <c r="G8" s="18" t="s">
        <v>14</v>
      </c>
      <c r="H8" s="17"/>
      <c r="I8" s="13">
        <v>190</v>
      </c>
      <c r="J8" s="19">
        <v>91</v>
      </c>
      <c r="K8" s="19">
        <v>99</v>
      </c>
    </row>
    <row r="9" spans="1:11" ht="15" customHeight="1">
      <c r="A9" s="17" t="s">
        <v>15</v>
      </c>
      <c r="B9" s="17"/>
      <c r="C9" s="13">
        <v>103</v>
      </c>
      <c r="D9" s="19">
        <v>58</v>
      </c>
      <c r="E9" s="19">
        <v>45</v>
      </c>
      <c r="F9" s="19"/>
      <c r="G9" s="18" t="s">
        <v>16</v>
      </c>
      <c r="H9" s="17"/>
      <c r="I9" s="13">
        <v>249</v>
      </c>
      <c r="J9" s="19">
        <v>136</v>
      </c>
      <c r="K9" s="19">
        <v>113</v>
      </c>
    </row>
    <row r="10" spans="1:11" ht="15" customHeight="1">
      <c r="A10" s="17" t="s">
        <v>17</v>
      </c>
      <c r="B10" s="17"/>
      <c r="C10" s="13">
        <v>111</v>
      </c>
      <c r="D10" s="19">
        <v>60</v>
      </c>
      <c r="E10" s="19">
        <v>51</v>
      </c>
      <c r="F10" s="19"/>
      <c r="G10" s="18" t="s">
        <v>18</v>
      </c>
      <c r="H10" s="17"/>
      <c r="I10" s="13">
        <v>244</v>
      </c>
      <c r="J10" s="19">
        <v>131</v>
      </c>
      <c r="K10" s="19">
        <v>113</v>
      </c>
    </row>
    <row r="11" spans="1:11" ht="20.100000000000001" customHeight="1">
      <c r="A11" s="17" t="s">
        <v>19</v>
      </c>
      <c r="B11" s="17"/>
      <c r="C11" s="13">
        <v>685</v>
      </c>
      <c r="D11" s="14">
        <v>330</v>
      </c>
      <c r="E11" s="14">
        <v>355</v>
      </c>
      <c r="F11" s="14"/>
      <c r="G11" s="18" t="s">
        <v>20</v>
      </c>
      <c r="H11" s="17"/>
      <c r="I11" s="13">
        <v>944</v>
      </c>
      <c r="J11" s="14">
        <v>470</v>
      </c>
      <c r="K11" s="14">
        <v>474</v>
      </c>
    </row>
    <row r="12" spans="1:11" ht="15" customHeight="1">
      <c r="A12" s="17" t="s">
        <v>21</v>
      </c>
      <c r="B12" s="17"/>
      <c r="C12" s="13">
        <v>92</v>
      </c>
      <c r="D12" s="19">
        <v>48</v>
      </c>
      <c r="E12" s="19">
        <v>44</v>
      </c>
      <c r="F12" s="19"/>
      <c r="G12" s="18" t="s">
        <v>22</v>
      </c>
      <c r="H12" s="17"/>
      <c r="I12" s="13">
        <v>214</v>
      </c>
      <c r="J12" s="19">
        <v>102</v>
      </c>
      <c r="K12" s="19">
        <v>112</v>
      </c>
    </row>
    <row r="13" spans="1:11" ht="15" customHeight="1">
      <c r="A13" s="17" t="s">
        <v>23</v>
      </c>
      <c r="B13" s="17"/>
      <c r="C13" s="13">
        <v>117</v>
      </c>
      <c r="D13" s="19">
        <v>52</v>
      </c>
      <c r="E13" s="19">
        <v>65</v>
      </c>
      <c r="F13" s="19"/>
      <c r="G13" s="18" t="s">
        <v>24</v>
      </c>
      <c r="H13" s="17"/>
      <c r="I13" s="13">
        <v>184</v>
      </c>
      <c r="J13" s="19">
        <v>96</v>
      </c>
      <c r="K13" s="19">
        <v>88</v>
      </c>
    </row>
    <row r="14" spans="1:11" ht="15" customHeight="1">
      <c r="A14" s="17" t="s">
        <v>25</v>
      </c>
      <c r="B14" s="17"/>
      <c r="C14" s="13">
        <v>168</v>
      </c>
      <c r="D14" s="19">
        <v>82</v>
      </c>
      <c r="E14" s="19">
        <v>86</v>
      </c>
      <c r="F14" s="19"/>
      <c r="G14" s="18" t="s">
        <v>26</v>
      </c>
      <c r="H14" s="17"/>
      <c r="I14" s="13">
        <v>186</v>
      </c>
      <c r="J14" s="19">
        <v>88</v>
      </c>
      <c r="K14" s="19">
        <v>98</v>
      </c>
    </row>
    <row r="15" spans="1:11" ht="15" customHeight="1">
      <c r="A15" s="17" t="s">
        <v>27</v>
      </c>
      <c r="B15" s="17"/>
      <c r="C15" s="13">
        <v>150</v>
      </c>
      <c r="D15" s="19">
        <v>74</v>
      </c>
      <c r="E15" s="19">
        <v>76</v>
      </c>
      <c r="F15" s="19"/>
      <c r="G15" s="18" t="s">
        <v>28</v>
      </c>
      <c r="H15" s="17"/>
      <c r="I15" s="13">
        <v>200</v>
      </c>
      <c r="J15" s="19">
        <v>95</v>
      </c>
      <c r="K15" s="19">
        <v>105</v>
      </c>
    </row>
    <row r="16" spans="1:11" ht="15" customHeight="1">
      <c r="A16" s="17" t="s">
        <v>29</v>
      </c>
      <c r="B16" s="17"/>
      <c r="C16" s="13">
        <v>158</v>
      </c>
      <c r="D16" s="19">
        <v>74</v>
      </c>
      <c r="E16" s="19">
        <v>84</v>
      </c>
      <c r="F16" s="19"/>
      <c r="G16" s="18" t="s">
        <v>30</v>
      </c>
      <c r="H16" s="17"/>
      <c r="I16" s="13">
        <v>160</v>
      </c>
      <c r="J16" s="19">
        <v>89</v>
      </c>
      <c r="K16" s="19">
        <v>71</v>
      </c>
    </row>
    <row r="17" spans="1:11" ht="20.100000000000001" customHeight="1">
      <c r="A17" s="20" t="s">
        <v>31</v>
      </c>
      <c r="B17" s="20"/>
      <c r="C17" s="13">
        <v>876</v>
      </c>
      <c r="D17" s="14">
        <v>460</v>
      </c>
      <c r="E17" s="14">
        <v>416</v>
      </c>
      <c r="F17" s="14"/>
      <c r="G17" s="18" t="s">
        <v>32</v>
      </c>
      <c r="H17" s="17"/>
      <c r="I17" s="13">
        <v>914</v>
      </c>
      <c r="J17" s="14">
        <v>467</v>
      </c>
      <c r="K17" s="14">
        <v>447</v>
      </c>
    </row>
    <row r="18" spans="1:11" ht="15" customHeight="1">
      <c r="A18" s="17" t="s">
        <v>33</v>
      </c>
      <c r="B18" s="17"/>
      <c r="C18" s="13">
        <v>155</v>
      </c>
      <c r="D18" s="19">
        <v>70</v>
      </c>
      <c r="E18" s="19">
        <v>85</v>
      </c>
      <c r="F18" s="19"/>
      <c r="G18" s="18" t="s">
        <v>34</v>
      </c>
      <c r="H18" s="17"/>
      <c r="I18" s="13">
        <v>166</v>
      </c>
      <c r="J18" s="19">
        <v>96</v>
      </c>
      <c r="K18" s="19">
        <v>70</v>
      </c>
    </row>
    <row r="19" spans="1:11" ht="15" customHeight="1">
      <c r="A19" s="17" t="s">
        <v>35</v>
      </c>
      <c r="B19" s="17"/>
      <c r="C19" s="13">
        <v>161</v>
      </c>
      <c r="D19" s="19">
        <v>86</v>
      </c>
      <c r="E19" s="19">
        <v>75</v>
      </c>
      <c r="F19" s="19"/>
      <c r="G19" s="18" t="s">
        <v>36</v>
      </c>
      <c r="H19" s="17"/>
      <c r="I19" s="13">
        <v>173</v>
      </c>
      <c r="J19" s="19">
        <v>89</v>
      </c>
      <c r="K19" s="19">
        <v>84</v>
      </c>
    </row>
    <row r="20" spans="1:11" ht="15" customHeight="1">
      <c r="A20" s="17" t="s">
        <v>37</v>
      </c>
      <c r="B20" s="17"/>
      <c r="C20" s="13">
        <v>205</v>
      </c>
      <c r="D20" s="19">
        <v>103</v>
      </c>
      <c r="E20" s="19">
        <v>102</v>
      </c>
      <c r="F20" s="19"/>
      <c r="G20" s="18" t="s">
        <v>38</v>
      </c>
      <c r="H20" s="17"/>
      <c r="I20" s="13">
        <v>173</v>
      </c>
      <c r="J20" s="19">
        <v>85</v>
      </c>
      <c r="K20" s="19">
        <v>88</v>
      </c>
    </row>
    <row r="21" spans="1:11" ht="15" customHeight="1">
      <c r="A21" s="17" t="s">
        <v>39</v>
      </c>
      <c r="B21" s="17"/>
      <c r="C21" s="13">
        <v>168</v>
      </c>
      <c r="D21" s="19">
        <v>99</v>
      </c>
      <c r="E21" s="19">
        <v>69</v>
      </c>
      <c r="F21" s="19"/>
      <c r="G21" s="18" t="s">
        <v>40</v>
      </c>
      <c r="H21" s="17"/>
      <c r="I21" s="13">
        <v>190</v>
      </c>
      <c r="J21" s="19">
        <v>103</v>
      </c>
      <c r="K21" s="19">
        <v>87</v>
      </c>
    </row>
    <row r="22" spans="1:11" ht="15" customHeight="1">
      <c r="A22" s="17" t="s">
        <v>41</v>
      </c>
      <c r="B22" s="17"/>
      <c r="C22" s="13">
        <v>187</v>
      </c>
      <c r="D22" s="19">
        <v>102</v>
      </c>
      <c r="E22" s="19">
        <v>85</v>
      </c>
      <c r="F22" s="19"/>
      <c r="G22" s="18" t="s">
        <v>42</v>
      </c>
      <c r="H22" s="17"/>
      <c r="I22" s="13">
        <v>212</v>
      </c>
      <c r="J22" s="19">
        <v>94</v>
      </c>
      <c r="K22" s="19">
        <v>118</v>
      </c>
    </row>
    <row r="23" spans="1:11" ht="20.100000000000001" customHeight="1">
      <c r="A23" s="17" t="s">
        <v>43</v>
      </c>
      <c r="B23" s="17"/>
      <c r="C23" s="13">
        <v>1018</v>
      </c>
      <c r="D23" s="14">
        <v>519</v>
      </c>
      <c r="E23" s="14">
        <v>499</v>
      </c>
      <c r="F23" s="14"/>
      <c r="G23" s="18" t="s">
        <v>44</v>
      </c>
      <c r="H23" s="17"/>
      <c r="I23" s="13">
        <v>1273</v>
      </c>
      <c r="J23" s="14">
        <v>606</v>
      </c>
      <c r="K23" s="14">
        <v>667</v>
      </c>
    </row>
    <row r="24" spans="1:11" ht="15" customHeight="1">
      <c r="A24" s="17" t="s">
        <v>45</v>
      </c>
      <c r="B24" s="17"/>
      <c r="C24" s="13">
        <v>188</v>
      </c>
      <c r="D24" s="19">
        <v>90</v>
      </c>
      <c r="E24" s="19">
        <v>98</v>
      </c>
      <c r="F24" s="19"/>
      <c r="G24" s="18" t="s">
        <v>46</v>
      </c>
      <c r="H24" s="17"/>
      <c r="I24" s="13">
        <v>222</v>
      </c>
      <c r="J24" s="19">
        <v>101</v>
      </c>
      <c r="K24" s="19">
        <v>121</v>
      </c>
    </row>
    <row r="25" spans="1:11" ht="15" customHeight="1">
      <c r="A25" s="17" t="s">
        <v>47</v>
      </c>
      <c r="B25" s="17"/>
      <c r="C25" s="13">
        <v>204</v>
      </c>
      <c r="D25" s="19">
        <v>105</v>
      </c>
      <c r="E25" s="19">
        <v>99</v>
      </c>
      <c r="F25" s="19"/>
      <c r="G25" s="18" t="s">
        <v>48</v>
      </c>
      <c r="H25" s="17"/>
      <c r="I25" s="13">
        <v>234</v>
      </c>
      <c r="J25" s="19">
        <v>114</v>
      </c>
      <c r="K25" s="19">
        <v>120</v>
      </c>
    </row>
    <row r="26" spans="1:11" ht="15" customHeight="1">
      <c r="A26" s="17" t="s">
        <v>49</v>
      </c>
      <c r="B26" s="17"/>
      <c r="C26" s="13">
        <v>191</v>
      </c>
      <c r="D26" s="19">
        <v>94</v>
      </c>
      <c r="E26" s="19">
        <v>97</v>
      </c>
      <c r="F26" s="19"/>
      <c r="G26" s="18" t="s">
        <v>50</v>
      </c>
      <c r="H26" s="17"/>
      <c r="I26" s="13">
        <v>240</v>
      </c>
      <c r="J26" s="19">
        <v>122</v>
      </c>
      <c r="K26" s="19">
        <v>118</v>
      </c>
    </row>
    <row r="27" spans="1:11" ht="15" customHeight="1">
      <c r="A27" s="17" t="s">
        <v>51</v>
      </c>
      <c r="B27" s="17"/>
      <c r="C27" s="13">
        <v>219</v>
      </c>
      <c r="D27" s="19">
        <v>117</v>
      </c>
      <c r="E27" s="19">
        <v>102</v>
      </c>
      <c r="F27" s="19"/>
      <c r="G27" s="18" t="s">
        <v>52</v>
      </c>
      <c r="H27" s="17"/>
      <c r="I27" s="13">
        <v>255</v>
      </c>
      <c r="J27" s="19">
        <v>118</v>
      </c>
      <c r="K27" s="19">
        <v>137</v>
      </c>
    </row>
    <row r="28" spans="1:11" ht="15" customHeight="1">
      <c r="A28" s="17" t="s">
        <v>53</v>
      </c>
      <c r="B28" s="17"/>
      <c r="C28" s="13">
        <v>216</v>
      </c>
      <c r="D28" s="19">
        <v>113</v>
      </c>
      <c r="E28" s="19">
        <v>103</v>
      </c>
      <c r="F28" s="19"/>
      <c r="G28" s="18" t="s">
        <v>54</v>
      </c>
      <c r="H28" s="17"/>
      <c r="I28" s="13">
        <v>322</v>
      </c>
      <c r="J28" s="19">
        <v>151</v>
      </c>
      <c r="K28" s="19">
        <v>171</v>
      </c>
    </row>
    <row r="29" spans="1:11" ht="20.100000000000001" customHeight="1">
      <c r="A29" s="17" t="s">
        <v>55</v>
      </c>
      <c r="B29" s="17"/>
      <c r="C29" s="13">
        <v>889</v>
      </c>
      <c r="D29" s="14">
        <v>466</v>
      </c>
      <c r="E29" s="14">
        <v>423</v>
      </c>
      <c r="F29" s="14"/>
      <c r="G29" s="18" t="s">
        <v>56</v>
      </c>
      <c r="H29" s="17"/>
      <c r="I29" s="13">
        <v>1255</v>
      </c>
      <c r="J29" s="14">
        <v>591</v>
      </c>
      <c r="K29" s="14">
        <v>664</v>
      </c>
    </row>
    <row r="30" spans="1:11" ht="15" customHeight="1">
      <c r="A30" s="17" t="s">
        <v>57</v>
      </c>
      <c r="B30" s="17"/>
      <c r="C30" s="13">
        <v>197</v>
      </c>
      <c r="D30" s="19">
        <v>94</v>
      </c>
      <c r="E30" s="19">
        <v>103</v>
      </c>
      <c r="F30" s="19"/>
      <c r="G30" s="18" t="s">
        <v>58</v>
      </c>
      <c r="H30" s="17"/>
      <c r="I30" s="13">
        <v>302</v>
      </c>
      <c r="J30" s="19">
        <v>140</v>
      </c>
      <c r="K30" s="19">
        <v>162</v>
      </c>
    </row>
    <row r="31" spans="1:11" ht="15" customHeight="1">
      <c r="A31" s="17" t="s">
        <v>59</v>
      </c>
      <c r="B31" s="17"/>
      <c r="C31" s="13">
        <v>217</v>
      </c>
      <c r="D31" s="19">
        <v>133</v>
      </c>
      <c r="E31" s="19">
        <v>84</v>
      </c>
      <c r="F31" s="19"/>
      <c r="G31" s="18" t="s">
        <v>60</v>
      </c>
      <c r="H31" s="17"/>
      <c r="I31" s="13">
        <v>322</v>
      </c>
      <c r="J31" s="19">
        <v>142</v>
      </c>
      <c r="K31" s="19">
        <v>180</v>
      </c>
    </row>
    <row r="32" spans="1:11" ht="15" customHeight="1">
      <c r="A32" s="17" t="s">
        <v>61</v>
      </c>
      <c r="B32" s="17"/>
      <c r="C32" s="13">
        <v>181</v>
      </c>
      <c r="D32" s="19">
        <v>99</v>
      </c>
      <c r="E32" s="19">
        <v>82</v>
      </c>
      <c r="F32" s="19"/>
      <c r="G32" s="18" t="s">
        <v>62</v>
      </c>
      <c r="H32" s="17"/>
      <c r="I32" s="13">
        <v>199</v>
      </c>
      <c r="J32" s="19">
        <v>94</v>
      </c>
      <c r="K32" s="19">
        <v>105</v>
      </c>
    </row>
    <row r="33" spans="1:11" ht="15" customHeight="1">
      <c r="A33" s="17" t="s">
        <v>63</v>
      </c>
      <c r="B33" s="17"/>
      <c r="C33" s="13">
        <v>152</v>
      </c>
      <c r="D33" s="19">
        <v>74</v>
      </c>
      <c r="E33" s="19">
        <v>78</v>
      </c>
      <c r="F33" s="19"/>
      <c r="G33" s="18" t="s">
        <v>64</v>
      </c>
      <c r="H33" s="17"/>
      <c r="I33" s="13">
        <v>188</v>
      </c>
      <c r="J33" s="19">
        <v>87</v>
      </c>
      <c r="K33" s="19">
        <v>101</v>
      </c>
    </row>
    <row r="34" spans="1:11" ht="15" customHeight="1">
      <c r="A34" s="17" t="s">
        <v>65</v>
      </c>
      <c r="B34" s="17"/>
      <c r="C34" s="13">
        <v>142</v>
      </c>
      <c r="D34" s="19">
        <v>66</v>
      </c>
      <c r="E34" s="19">
        <v>76</v>
      </c>
      <c r="F34" s="19"/>
      <c r="G34" s="18" t="s">
        <v>66</v>
      </c>
      <c r="H34" s="17"/>
      <c r="I34" s="13">
        <v>244</v>
      </c>
      <c r="J34" s="19">
        <v>128</v>
      </c>
      <c r="K34" s="19">
        <v>116</v>
      </c>
    </row>
    <row r="35" spans="1:11" ht="20.100000000000001" customHeight="1">
      <c r="A35" s="17" t="s">
        <v>67</v>
      </c>
      <c r="B35" s="17"/>
      <c r="C35" s="13">
        <v>616</v>
      </c>
      <c r="D35" s="14">
        <v>339</v>
      </c>
      <c r="E35" s="14">
        <v>277</v>
      </c>
      <c r="F35" s="14"/>
      <c r="G35" s="18" t="s">
        <v>68</v>
      </c>
      <c r="H35" s="17"/>
      <c r="I35" s="13">
        <v>1011</v>
      </c>
      <c r="J35" s="14">
        <v>457</v>
      </c>
      <c r="K35" s="14">
        <v>554</v>
      </c>
    </row>
    <row r="36" spans="1:11" ht="15" customHeight="1">
      <c r="A36" s="17" t="s">
        <v>69</v>
      </c>
      <c r="B36" s="17"/>
      <c r="C36" s="13">
        <v>105</v>
      </c>
      <c r="D36" s="19">
        <v>57</v>
      </c>
      <c r="E36" s="19">
        <v>48</v>
      </c>
      <c r="F36" s="19"/>
      <c r="G36" s="18" t="s">
        <v>70</v>
      </c>
      <c r="H36" s="17"/>
      <c r="I36" s="13">
        <v>226</v>
      </c>
      <c r="J36" s="19">
        <v>107</v>
      </c>
      <c r="K36" s="19">
        <v>119</v>
      </c>
    </row>
    <row r="37" spans="1:11" ht="15" customHeight="1">
      <c r="A37" s="17" t="s">
        <v>71</v>
      </c>
      <c r="B37" s="17"/>
      <c r="C37" s="13">
        <v>130</v>
      </c>
      <c r="D37" s="19">
        <v>75</v>
      </c>
      <c r="E37" s="19">
        <v>55</v>
      </c>
      <c r="F37" s="19"/>
      <c r="G37" s="18" t="s">
        <v>72</v>
      </c>
      <c r="H37" s="17"/>
      <c r="I37" s="13">
        <v>225</v>
      </c>
      <c r="J37" s="19">
        <v>100</v>
      </c>
      <c r="K37" s="19">
        <v>125</v>
      </c>
    </row>
    <row r="38" spans="1:11" ht="15" customHeight="1">
      <c r="A38" s="17" t="s">
        <v>73</v>
      </c>
      <c r="B38" s="17"/>
      <c r="C38" s="13">
        <v>116</v>
      </c>
      <c r="D38" s="19">
        <v>58</v>
      </c>
      <c r="E38" s="19">
        <v>58</v>
      </c>
      <c r="F38" s="19"/>
      <c r="G38" s="18" t="s">
        <v>74</v>
      </c>
      <c r="H38" s="17"/>
      <c r="I38" s="13">
        <v>225</v>
      </c>
      <c r="J38" s="19">
        <v>94</v>
      </c>
      <c r="K38" s="19">
        <v>131</v>
      </c>
    </row>
    <row r="39" spans="1:11" ht="15" customHeight="1">
      <c r="A39" s="17" t="s">
        <v>75</v>
      </c>
      <c r="B39" s="17"/>
      <c r="C39" s="13">
        <v>129</v>
      </c>
      <c r="D39" s="19">
        <v>69</v>
      </c>
      <c r="E39" s="19">
        <v>60</v>
      </c>
      <c r="F39" s="19"/>
      <c r="G39" s="18" t="s">
        <v>76</v>
      </c>
      <c r="H39" s="17"/>
      <c r="I39" s="13">
        <v>197</v>
      </c>
      <c r="J39" s="19">
        <v>94</v>
      </c>
      <c r="K39" s="19">
        <v>103</v>
      </c>
    </row>
    <row r="40" spans="1:11" ht="15" customHeight="1">
      <c r="A40" s="17" t="s">
        <v>77</v>
      </c>
      <c r="B40" s="17"/>
      <c r="C40" s="13">
        <v>136</v>
      </c>
      <c r="D40" s="19">
        <v>80</v>
      </c>
      <c r="E40" s="19">
        <v>56</v>
      </c>
      <c r="F40" s="19"/>
      <c r="G40" s="18" t="s">
        <v>78</v>
      </c>
      <c r="H40" s="17"/>
      <c r="I40" s="13">
        <v>138</v>
      </c>
      <c r="J40" s="19">
        <v>62</v>
      </c>
      <c r="K40" s="19">
        <v>76</v>
      </c>
    </row>
    <row r="41" spans="1:11" ht="20.100000000000001" customHeight="1">
      <c r="A41" s="17" t="s">
        <v>79</v>
      </c>
      <c r="B41" s="17"/>
      <c r="C41" s="13">
        <v>729</v>
      </c>
      <c r="D41" s="14">
        <v>381</v>
      </c>
      <c r="E41" s="14">
        <v>348</v>
      </c>
      <c r="F41" s="14"/>
      <c r="G41" s="18" t="s">
        <v>80</v>
      </c>
      <c r="H41" s="17"/>
      <c r="I41" s="13">
        <v>649</v>
      </c>
      <c r="J41" s="14">
        <v>277</v>
      </c>
      <c r="K41" s="14">
        <v>372</v>
      </c>
    </row>
    <row r="42" spans="1:11" ht="15" customHeight="1">
      <c r="A42" s="17" t="s">
        <v>81</v>
      </c>
      <c r="B42" s="17"/>
      <c r="C42" s="13">
        <v>146</v>
      </c>
      <c r="D42" s="19">
        <v>66</v>
      </c>
      <c r="E42" s="19">
        <v>80</v>
      </c>
      <c r="F42" s="19"/>
      <c r="G42" s="18" t="s">
        <v>82</v>
      </c>
      <c r="H42" s="17"/>
      <c r="I42" s="13">
        <v>138</v>
      </c>
      <c r="J42" s="19">
        <v>67</v>
      </c>
      <c r="K42" s="19">
        <v>71</v>
      </c>
    </row>
    <row r="43" spans="1:11" ht="15" customHeight="1">
      <c r="A43" s="17" t="s">
        <v>83</v>
      </c>
      <c r="B43" s="17"/>
      <c r="C43" s="13">
        <v>136</v>
      </c>
      <c r="D43" s="19">
        <v>75</v>
      </c>
      <c r="E43" s="19">
        <v>61</v>
      </c>
      <c r="F43" s="19"/>
      <c r="G43" s="18" t="s">
        <v>84</v>
      </c>
      <c r="H43" s="17"/>
      <c r="I43" s="13">
        <v>151</v>
      </c>
      <c r="J43" s="19">
        <v>63</v>
      </c>
      <c r="K43" s="19">
        <v>88</v>
      </c>
    </row>
    <row r="44" spans="1:11" ht="15" customHeight="1">
      <c r="A44" s="17" t="s">
        <v>85</v>
      </c>
      <c r="B44" s="17"/>
      <c r="C44" s="13">
        <v>154</v>
      </c>
      <c r="D44" s="19">
        <v>81</v>
      </c>
      <c r="E44" s="19">
        <v>73</v>
      </c>
      <c r="F44" s="19"/>
      <c r="G44" s="18" t="s">
        <v>86</v>
      </c>
      <c r="H44" s="17"/>
      <c r="I44" s="13">
        <v>117</v>
      </c>
      <c r="J44" s="19">
        <v>47</v>
      </c>
      <c r="K44" s="19">
        <v>70</v>
      </c>
    </row>
    <row r="45" spans="1:11" ht="15" customHeight="1">
      <c r="A45" s="17" t="s">
        <v>87</v>
      </c>
      <c r="B45" s="17"/>
      <c r="C45" s="13">
        <v>158</v>
      </c>
      <c r="D45" s="19">
        <v>84</v>
      </c>
      <c r="E45" s="19">
        <v>74</v>
      </c>
      <c r="F45" s="19"/>
      <c r="G45" s="18" t="s">
        <v>88</v>
      </c>
      <c r="H45" s="17"/>
      <c r="I45" s="13">
        <v>133</v>
      </c>
      <c r="J45" s="19">
        <v>50</v>
      </c>
      <c r="K45" s="19">
        <v>83</v>
      </c>
    </row>
    <row r="46" spans="1:11" ht="15" customHeight="1">
      <c r="A46" s="17" t="s">
        <v>89</v>
      </c>
      <c r="B46" s="17"/>
      <c r="C46" s="13">
        <v>135</v>
      </c>
      <c r="D46" s="19">
        <v>75</v>
      </c>
      <c r="E46" s="19">
        <v>60</v>
      </c>
      <c r="F46" s="19"/>
      <c r="G46" s="18" t="s">
        <v>90</v>
      </c>
      <c r="H46" s="17"/>
      <c r="I46" s="13">
        <v>110</v>
      </c>
      <c r="J46" s="19">
        <v>50</v>
      </c>
      <c r="K46" s="19">
        <v>60</v>
      </c>
    </row>
    <row r="47" spans="1:11" ht="20.100000000000001" customHeight="1">
      <c r="A47" s="17" t="s">
        <v>91</v>
      </c>
      <c r="B47" s="17"/>
      <c r="C47" s="13">
        <v>957</v>
      </c>
      <c r="D47" s="14">
        <v>484</v>
      </c>
      <c r="E47" s="14">
        <v>473</v>
      </c>
      <c r="F47" s="14"/>
      <c r="G47" s="18" t="s">
        <v>92</v>
      </c>
      <c r="H47" s="17"/>
      <c r="I47" s="13">
        <v>370</v>
      </c>
      <c r="J47" s="14">
        <v>155</v>
      </c>
      <c r="K47" s="14">
        <v>215</v>
      </c>
    </row>
    <row r="48" spans="1:11" ht="15" customHeight="1">
      <c r="A48" s="17" t="s">
        <v>93</v>
      </c>
      <c r="B48" s="17"/>
      <c r="C48" s="13">
        <v>159</v>
      </c>
      <c r="D48" s="19">
        <v>76</v>
      </c>
      <c r="E48" s="19">
        <v>83</v>
      </c>
      <c r="F48" s="19"/>
      <c r="G48" s="18" t="s">
        <v>94</v>
      </c>
      <c r="H48" s="17"/>
      <c r="I48" s="13">
        <v>109</v>
      </c>
      <c r="J48" s="19">
        <v>54</v>
      </c>
      <c r="K48" s="19">
        <v>55</v>
      </c>
    </row>
    <row r="49" spans="1:11" ht="15" customHeight="1">
      <c r="A49" s="17" t="s">
        <v>95</v>
      </c>
      <c r="B49" s="17"/>
      <c r="C49" s="13">
        <v>185</v>
      </c>
      <c r="D49" s="19">
        <v>104</v>
      </c>
      <c r="E49" s="19">
        <v>81</v>
      </c>
      <c r="F49" s="19"/>
      <c r="G49" s="18" t="s">
        <v>96</v>
      </c>
      <c r="H49" s="17"/>
      <c r="I49" s="13">
        <v>84</v>
      </c>
      <c r="J49" s="19">
        <v>35</v>
      </c>
      <c r="K49" s="19">
        <v>49</v>
      </c>
    </row>
    <row r="50" spans="1:11" ht="15" customHeight="1">
      <c r="A50" s="17" t="s">
        <v>97</v>
      </c>
      <c r="B50" s="17"/>
      <c r="C50" s="13">
        <v>179</v>
      </c>
      <c r="D50" s="19">
        <v>88</v>
      </c>
      <c r="E50" s="19">
        <v>91</v>
      </c>
      <c r="F50" s="19"/>
      <c r="G50" s="18" t="s">
        <v>98</v>
      </c>
      <c r="H50" s="17"/>
      <c r="I50" s="13">
        <v>73</v>
      </c>
      <c r="J50" s="19">
        <v>30</v>
      </c>
      <c r="K50" s="19">
        <v>43</v>
      </c>
    </row>
    <row r="51" spans="1:11" ht="15" customHeight="1">
      <c r="A51" s="17" t="s">
        <v>99</v>
      </c>
      <c r="B51" s="17"/>
      <c r="C51" s="13">
        <v>209</v>
      </c>
      <c r="D51" s="19">
        <v>102</v>
      </c>
      <c r="E51" s="19">
        <v>107</v>
      </c>
      <c r="F51" s="19"/>
      <c r="G51" s="18" t="s">
        <v>100</v>
      </c>
      <c r="H51" s="17"/>
      <c r="I51" s="13">
        <v>49</v>
      </c>
      <c r="J51" s="19">
        <v>16</v>
      </c>
      <c r="K51" s="19">
        <v>33</v>
      </c>
    </row>
    <row r="52" spans="1:11" ht="15" customHeight="1">
      <c r="A52" s="17" t="s">
        <v>101</v>
      </c>
      <c r="B52" s="17"/>
      <c r="C52" s="13">
        <v>225</v>
      </c>
      <c r="D52" s="19">
        <v>114</v>
      </c>
      <c r="E52" s="19">
        <v>111</v>
      </c>
      <c r="F52" s="19"/>
      <c r="G52" s="18" t="s">
        <v>102</v>
      </c>
      <c r="H52" s="17"/>
      <c r="I52" s="13">
        <v>55</v>
      </c>
      <c r="J52" s="19">
        <v>20</v>
      </c>
      <c r="K52" s="19">
        <v>35</v>
      </c>
    </row>
    <row r="53" spans="1:11" ht="20.100000000000001" customHeight="1">
      <c r="A53" s="17" t="s">
        <v>103</v>
      </c>
      <c r="B53" s="17"/>
      <c r="C53" s="13">
        <v>1312</v>
      </c>
      <c r="D53" s="14">
        <v>677</v>
      </c>
      <c r="E53" s="14">
        <v>635</v>
      </c>
      <c r="F53" s="14"/>
      <c r="G53" s="18" t="s">
        <v>104</v>
      </c>
      <c r="H53" s="17"/>
      <c r="I53" s="13">
        <v>166</v>
      </c>
      <c r="J53" s="14">
        <v>47</v>
      </c>
      <c r="K53" s="14">
        <v>119</v>
      </c>
    </row>
    <row r="54" spans="1:11" ht="15" customHeight="1">
      <c r="A54" s="17" t="s">
        <v>105</v>
      </c>
      <c r="B54" s="17"/>
      <c r="C54" s="13">
        <v>239</v>
      </c>
      <c r="D54" s="19">
        <v>107</v>
      </c>
      <c r="E54" s="19">
        <v>132</v>
      </c>
      <c r="F54" s="19"/>
      <c r="G54" s="18" t="s">
        <v>106</v>
      </c>
      <c r="H54" s="17"/>
      <c r="I54" s="13">
        <v>54</v>
      </c>
      <c r="J54" s="19">
        <v>14</v>
      </c>
      <c r="K54" s="19">
        <v>40</v>
      </c>
    </row>
    <row r="55" spans="1:11" ht="15" customHeight="1">
      <c r="A55" s="17" t="s">
        <v>107</v>
      </c>
      <c r="B55" s="17"/>
      <c r="C55" s="13">
        <v>218</v>
      </c>
      <c r="D55" s="19">
        <v>117</v>
      </c>
      <c r="E55" s="19">
        <v>101</v>
      </c>
      <c r="F55" s="19"/>
      <c r="G55" s="18" t="s">
        <v>108</v>
      </c>
      <c r="H55" s="17"/>
      <c r="I55" s="13">
        <v>37</v>
      </c>
      <c r="J55" s="19">
        <v>15</v>
      </c>
      <c r="K55" s="19">
        <v>22</v>
      </c>
    </row>
    <row r="56" spans="1:11" ht="15" customHeight="1">
      <c r="A56" s="17" t="s">
        <v>109</v>
      </c>
      <c r="B56" s="17"/>
      <c r="C56" s="13">
        <v>268</v>
      </c>
      <c r="D56" s="19">
        <v>160</v>
      </c>
      <c r="E56" s="19">
        <v>108</v>
      </c>
      <c r="F56" s="19"/>
      <c r="G56" s="18" t="s">
        <v>110</v>
      </c>
      <c r="H56" s="17"/>
      <c r="I56" s="13">
        <v>26</v>
      </c>
      <c r="J56" s="19">
        <v>6</v>
      </c>
      <c r="K56" s="19">
        <v>20</v>
      </c>
    </row>
    <row r="57" spans="1:11" ht="15" customHeight="1">
      <c r="A57" s="17" t="s">
        <v>111</v>
      </c>
      <c r="B57" s="17"/>
      <c r="C57" s="13">
        <v>286</v>
      </c>
      <c r="D57" s="19">
        <v>147</v>
      </c>
      <c r="E57" s="19">
        <v>139</v>
      </c>
      <c r="F57" s="19"/>
      <c r="G57" s="18" t="s">
        <v>112</v>
      </c>
      <c r="H57" s="17"/>
      <c r="I57" s="13">
        <v>23</v>
      </c>
      <c r="J57" s="19">
        <v>7</v>
      </c>
      <c r="K57" s="19">
        <v>16</v>
      </c>
    </row>
    <row r="58" spans="1:11" ht="15" customHeight="1">
      <c r="A58" s="17" t="s">
        <v>113</v>
      </c>
      <c r="B58" s="17"/>
      <c r="C58" s="13">
        <v>301</v>
      </c>
      <c r="D58" s="19">
        <v>146</v>
      </c>
      <c r="E58" s="19">
        <v>155</v>
      </c>
      <c r="F58" s="19"/>
      <c r="G58" s="18" t="s">
        <v>114</v>
      </c>
      <c r="H58" s="17"/>
      <c r="I58" s="13">
        <v>26</v>
      </c>
      <c r="J58" s="19">
        <v>5</v>
      </c>
      <c r="K58" s="19">
        <v>21</v>
      </c>
    </row>
    <row r="59" spans="1:11" ht="20.100000000000001" customHeight="1">
      <c r="A59" s="17" t="s">
        <v>115</v>
      </c>
      <c r="B59" s="17"/>
      <c r="C59" s="13">
        <v>1509</v>
      </c>
      <c r="D59" s="14">
        <v>783</v>
      </c>
      <c r="E59" s="14">
        <v>726</v>
      </c>
      <c r="F59" s="14"/>
      <c r="G59" s="18" t="s">
        <v>116</v>
      </c>
      <c r="H59" s="17"/>
      <c r="I59" s="13">
        <v>42</v>
      </c>
      <c r="J59" s="14">
        <v>10</v>
      </c>
      <c r="K59" s="14">
        <v>32</v>
      </c>
    </row>
    <row r="60" spans="1:11" ht="15" customHeight="1">
      <c r="A60" s="17" t="s">
        <v>117</v>
      </c>
      <c r="B60" s="17"/>
      <c r="C60" s="13">
        <v>337</v>
      </c>
      <c r="D60" s="19">
        <v>165</v>
      </c>
      <c r="E60" s="19">
        <v>172</v>
      </c>
      <c r="F60" s="19"/>
      <c r="G60" s="18" t="s">
        <v>118</v>
      </c>
      <c r="H60" s="17"/>
      <c r="I60" s="13">
        <v>18</v>
      </c>
      <c r="J60" s="19">
        <v>6</v>
      </c>
      <c r="K60" s="19">
        <v>12</v>
      </c>
    </row>
    <row r="61" spans="1:11" ht="15" customHeight="1">
      <c r="A61" s="17" t="s">
        <v>119</v>
      </c>
      <c r="B61" s="17"/>
      <c r="C61" s="13">
        <v>303</v>
      </c>
      <c r="D61" s="19">
        <v>161</v>
      </c>
      <c r="E61" s="19">
        <v>142</v>
      </c>
      <c r="F61" s="19"/>
      <c r="G61" s="18" t="s">
        <v>120</v>
      </c>
      <c r="H61" s="17"/>
      <c r="I61" s="13">
        <v>6</v>
      </c>
      <c r="J61" s="19">
        <v>2</v>
      </c>
      <c r="K61" s="19">
        <v>4</v>
      </c>
    </row>
    <row r="62" spans="1:11" ht="15" customHeight="1">
      <c r="A62" s="17" t="s">
        <v>121</v>
      </c>
      <c r="B62" s="17"/>
      <c r="C62" s="13">
        <v>299</v>
      </c>
      <c r="D62" s="19">
        <v>151</v>
      </c>
      <c r="E62" s="19">
        <v>148</v>
      </c>
      <c r="F62" s="19"/>
      <c r="G62" s="18" t="s">
        <v>122</v>
      </c>
      <c r="H62" s="17"/>
      <c r="I62" s="13">
        <v>9</v>
      </c>
      <c r="J62" s="19">
        <v>2</v>
      </c>
      <c r="K62" s="19">
        <v>7</v>
      </c>
    </row>
    <row r="63" spans="1:11" ht="15" customHeight="1">
      <c r="A63" s="17" t="s">
        <v>123</v>
      </c>
      <c r="B63" s="17"/>
      <c r="C63" s="13">
        <v>284</v>
      </c>
      <c r="D63" s="19">
        <v>160</v>
      </c>
      <c r="E63" s="19">
        <v>124</v>
      </c>
      <c r="F63" s="19"/>
      <c r="G63" s="18" t="s">
        <v>124</v>
      </c>
      <c r="H63" s="17"/>
      <c r="I63" s="13">
        <v>5</v>
      </c>
      <c r="J63" s="19">
        <v>0</v>
      </c>
      <c r="K63" s="19">
        <v>5</v>
      </c>
    </row>
    <row r="64" spans="1:11" ht="15" customHeight="1">
      <c r="A64" s="17" t="s">
        <v>125</v>
      </c>
      <c r="B64" s="17"/>
      <c r="C64" s="13">
        <v>286</v>
      </c>
      <c r="D64" s="19">
        <v>146</v>
      </c>
      <c r="E64" s="19">
        <v>140</v>
      </c>
      <c r="F64" s="19"/>
      <c r="G64" s="18" t="s">
        <v>126</v>
      </c>
      <c r="H64" s="17"/>
      <c r="I64" s="13">
        <v>4</v>
      </c>
      <c r="J64" s="19">
        <v>0</v>
      </c>
      <c r="K64" s="19">
        <v>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4</v>
      </c>
      <c r="J65" s="19">
        <v>3</v>
      </c>
      <c r="K65" s="19">
        <v>1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4</v>
      </c>
      <c r="J66" s="29">
        <v>24</v>
      </c>
      <c r="K66" s="29">
        <v>1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0" pageOrder="overThenDown" orientation="portrait" blackAndWhite="1" useFirstPageNumber="1" horizontalDpi="300" verticalDpi="300"/>
  <headerFooter scaleWithDoc="0"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6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928</v>
      </c>
      <c r="D4" s="14">
        <v>5395</v>
      </c>
      <c r="E4" s="14">
        <v>553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63</v>
      </c>
      <c r="D5" s="14">
        <v>204</v>
      </c>
      <c r="E5" s="14">
        <v>159</v>
      </c>
      <c r="F5" s="14"/>
      <c r="G5" s="18" t="s">
        <v>8</v>
      </c>
      <c r="H5" s="17"/>
      <c r="I5" s="13">
        <v>779</v>
      </c>
      <c r="J5" s="14">
        <v>412</v>
      </c>
      <c r="K5" s="14">
        <v>367</v>
      </c>
    </row>
    <row r="6" spans="1:11" ht="15" customHeight="1">
      <c r="A6" s="17" t="s">
        <v>9</v>
      </c>
      <c r="B6" s="17"/>
      <c r="C6" s="13">
        <v>85</v>
      </c>
      <c r="D6" s="19">
        <v>51</v>
      </c>
      <c r="E6" s="19">
        <v>34</v>
      </c>
      <c r="F6" s="19"/>
      <c r="G6" s="18" t="s">
        <v>10</v>
      </c>
      <c r="H6" s="17"/>
      <c r="I6" s="13">
        <v>162</v>
      </c>
      <c r="J6" s="19">
        <v>80</v>
      </c>
      <c r="K6" s="19">
        <v>82</v>
      </c>
    </row>
    <row r="7" spans="1:11" ht="15" customHeight="1">
      <c r="A7" s="17" t="s">
        <v>11</v>
      </c>
      <c r="B7" s="17"/>
      <c r="C7" s="13">
        <v>65</v>
      </c>
      <c r="D7" s="19">
        <v>36</v>
      </c>
      <c r="E7" s="19">
        <v>29</v>
      </c>
      <c r="F7" s="19"/>
      <c r="G7" s="18" t="s">
        <v>12</v>
      </c>
      <c r="H7" s="17"/>
      <c r="I7" s="13">
        <v>197</v>
      </c>
      <c r="J7" s="19">
        <v>102</v>
      </c>
      <c r="K7" s="19">
        <v>95</v>
      </c>
    </row>
    <row r="8" spans="1:11" ht="15" customHeight="1">
      <c r="A8" s="17" t="s">
        <v>13</v>
      </c>
      <c r="B8" s="17"/>
      <c r="C8" s="13">
        <v>82</v>
      </c>
      <c r="D8" s="19">
        <v>44</v>
      </c>
      <c r="E8" s="19">
        <v>38</v>
      </c>
      <c r="F8" s="19"/>
      <c r="G8" s="18" t="s">
        <v>14</v>
      </c>
      <c r="H8" s="17"/>
      <c r="I8" s="13">
        <v>104</v>
      </c>
      <c r="J8" s="19">
        <v>53</v>
      </c>
      <c r="K8" s="19">
        <v>51</v>
      </c>
    </row>
    <row r="9" spans="1:11" ht="15" customHeight="1">
      <c r="A9" s="17" t="s">
        <v>15</v>
      </c>
      <c r="B9" s="17"/>
      <c r="C9" s="13">
        <v>75</v>
      </c>
      <c r="D9" s="19">
        <v>43</v>
      </c>
      <c r="E9" s="19">
        <v>32</v>
      </c>
      <c r="F9" s="19"/>
      <c r="G9" s="18" t="s">
        <v>16</v>
      </c>
      <c r="H9" s="17"/>
      <c r="I9" s="13">
        <v>179</v>
      </c>
      <c r="J9" s="19">
        <v>110</v>
      </c>
      <c r="K9" s="19">
        <v>69</v>
      </c>
    </row>
    <row r="10" spans="1:11" ht="15" customHeight="1">
      <c r="A10" s="17" t="s">
        <v>17</v>
      </c>
      <c r="B10" s="17"/>
      <c r="C10" s="13">
        <v>56</v>
      </c>
      <c r="D10" s="19">
        <v>30</v>
      </c>
      <c r="E10" s="19">
        <v>26</v>
      </c>
      <c r="F10" s="19"/>
      <c r="G10" s="18" t="s">
        <v>18</v>
      </c>
      <c r="H10" s="17"/>
      <c r="I10" s="13">
        <v>137</v>
      </c>
      <c r="J10" s="19">
        <v>67</v>
      </c>
      <c r="K10" s="19">
        <v>70</v>
      </c>
    </row>
    <row r="11" spans="1:11" ht="20.100000000000001" customHeight="1">
      <c r="A11" s="17" t="s">
        <v>19</v>
      </c>
      <c r="B11" s="17"/>
      <c r="C11" s="13">
        <v>353</v>
      </c>
      <c r="D11" s="14">
        <v>181</v>
      </c>
      <c r="E11" s="14">
        <v>172</v>
      </c>
      <c r="F11" s="14"/>
      <c r="G11" s="18" t="s">
        <v>20</v>
      </c>
      <c r="H11" s="17"/>
      <c r="I11" s="13">
        <v>728</v>
      </c>
      <c r="J11" s="14">
        <v>365</v>
      </c>
      <c r="K11" s="14">
        <v>363</v>
      </c>
    </row>
    <row r="12" spans="1:11" ht="15" customHeight="1">
      <c r="A12" s="17" t="s">
        <v>21</v>
      </c>
      <c r="B12" s="17"/>
      <c r="C12" s="13">
        <v>55</v>
      </c>
      <c r="D12" s="19">
        <v>29</v>
      </c>
      <c r="E12" s="19">
        <v>26</v>
      </c>
      <c r="F12" s="19"/>
      <c r="G12" s="18" t="s">
        <v>22</v>
      </c>
      <c r="H12" s="17"/>
      <c r="I12" s="13">
        <v>140</v>
      </c>
      <c r="J12" s="19">
        <v>77</v>
      </c>
      <c r="K12" s="19">
        <v>63</v>
      </c>
    </row>
    <row r="13" spans="1:11" ht="15" customHeight="1">
      <c r="A13" s="17" t="s">
        <v>23</v>
      </c>
      <c r="B13" s="17"/>
      <c r="C13" s="13">
        <v>80</v>
      </c>
      <c r="D13" s="19">
        <v>39</v>
      </c>
      <c r="E13" s="19">
        <v>41</v>
      </c>
      <c r="F13" s="19"/>
      <c r="G13" s="18" t="s">
        <v>24</v>
      </c>
      <c r="H13" s="17"/>
      <c r="I13" s="13">
        <v>161</v>
      </c>
      <c r="J13" s="19">
        <v>80</v>
      </c>
      <c r="K13" s="19">
        <v>81</v>
      </c>
    </row>
    <row r="14" spans="1:11" ht="15" customHeight="1">
      <c r="A14" s="17" t="s">
        <v>25</v>
      </c>
      <c r="B14" s="17"/>
      <c r="C14" s="13">
        <v>64</v>
      </c>
      <c r="D14" s="19">
        <v>32</v>
      </c>
      <c r="E14" s="19">
        <v>32</v>
      </c>
      <c r="F14" s="19"/>
      <c r="G14" s="18" t="s">
        <v>26</v>
      </c>
      <c r="H14" s="17"/>
      <c r="I14" s="13">
        <v>143</v>
      </c>
      <c r="J14" s="19">
        <v>76</v>
      </c>
      <c r="K14" s="19">
        <v>67</v>
      </c>
    </row>
    <row r="15" spans="1:11" ht="15" customHeight="1">
      <c r="A15" s="17" t="s">
        <v>27</v>
      </c>
      <c r="B15" s="17"/>
      <c r="C15" s="13">
        <v>74</v>
      </c>
      <c r="D15" s="19">
        <v>39</v>
      </c>
      <c r="E15" s="19">
        <v>35</v>
      </c>
      <c r="F15" s="19"/>
      <c r="G15" s="18" t="s">
        <v>28</v>
      </c>
      <c r="H15" s="17"/>
      <c r="I15" s="13">
        <v>151</v>
      </c>
      <c r="J15" s="19">
        <v>69</v>
      </c>
      <c r="K15" s="19">
        <v>82</v>
      </c>
    </row>
    <row r="16" spans="1:11" ht="15" customHeight="1">
      <c r="A16" s="17" t="s">
        <v>29</v>
      </c>
      <c r="B16" s="17"/>
      <c r="C16" s="13">
        <v>80</v>
      </c>
      <c r="D16" s="19">
        <v>42</v>
      </c>
      <c r="E16" s="19">
        <v>38</v>
      </c>
      <c r="F16" s="19"/>
      <c r="G16" s="18" t="s">
        <v>30</v>
      </c>
      <c r="H16" s="17"/>
      <c r="I16" s="13">
        <v>133</v>
      </c>
      <c r="J16" s="19">
        <v>63</v>
      </c>
      <c r="K16" s="19">
        <v>70</v>
      </c>
    </row>
    <row r="17" spans="1:11" ht="20.100000000000001" customHeight="1">
      <c r="A17" s="20" t="s">
        <v>31</v>
      </c>
      <c r="B17" s="20"/>
      <c r="C17" s="13">
        <v>349</v>
      </c>
      <c r="D17" s="14">
        <v>179</v>
      </c>
      <c r="E17" s="14">
        <v>170</v>
      </c>
      <c r="F17" s="14"/>
      <c r="G17" s="18" t="s">
        <v>32</v>
      </c>
      <c r="H17" s="17"/>
      <c r="I17" s="13">
        <v>750</v>
      </c>
      <c r="J17" s="14">
        <v>391</v>
      </c>
      <c r="K17" s="14">
        <v>359</v>
      </c>
    </row>
    <row r="18" spans="1:11" ht="15" customHeight="1">
      <c r="A18" s="17" t="s">
        <v>33</v>
      </c>
      <c r="B18" s="17"/>
      <c r="C18" s="13">
        <v>62</v>
      </c>
      <c r="D18" s="19">
        <v>33</v>
      </c>
      <c r="E18" s="19">
        <v>29</v>
      </c>
      <c r="F18" s="19"/>
      <c r="G18" s="18" t="s">
        <v>34</v>
      </c>
      <c r="H18" s="17"/>
      <c r="I18" s="13">
        <v>145</v>
      </c>
      <c r="J18" s="19">
        <v>76</v>
      </c>
      <c r="K18" s="19">
        <v>69</v>
      </c>
    </row>
    <row r="19" spans="1:11" ht="15" customHeight="1">
      <c r="A19" s="17" t="s">
        <v>35</v>
      </c>
      <c r="B19" s="17"/>
      <c r="C19" s="13">
        <v>65</v>
      </c>
      <c r="D19" s="19">
        <v>35</v>
      </c>
      <c r="E19" s="19">
        <v>30</v>
      </c>
      <c r="F19" s="19"/>
      <c r="G19" s="18" t="s">
        <v>36</v>
      </c>
      <c r="H19" s="17"/>
      <c r="I19" s="13">
        <v>139</v>
      </c>
      <c r="J19" s="19">
        <v>67</v>
      </c>
      <c r="K19" s="19">
        <v>72</v>
      </c>
    </row>
    <row r="20" spans="1:11" ht="15" customHeight="1">
      <c r="A20" s="17" t="s">
        <v>37</v>
      </c>
      <c r="B20" s="17"/>
      <c r="C20" s="13">
        <v>61</v>
      </c>
      <c r="D20" s="19">
        <v>30</v>
      </c>
      <c r="E20" s="19">
        <v>31</v>
      </c>
      <c r="F20" s="19"/>
      <c r="G20" s="18" t="s">
        <v>38</v>
      </c>
      <c r="H20" s="17"/>
      <c r="I20" s="13">
        <v>146</v>
      </c>
      <c r="J20" s="19">
        <v>75</v>
      </c>
      <c r="K20" s="19">
        <v>71</v>
      </c>
    </row>
    <row r="21" spans="1:11" ht="15" customHeight="1">
      <c r="A21" s="17" t="s">
        <v>39</v>
      </c>
      <c r="B21" s="17"/>
      <c r="C21" s="13">
        <v>89</v>
      </c>
      <c r="D21" s="19">
        <v>41</v>
      </c>
      <c r="E21" s="19">
        <v>48</v>
      </c>
      <c r="F21" s="19"/>
      <c r="G21" s="18" t="s">
        <v>40</v>
      </c>
      <c r="H21" s="17"/>
      <c r="I21" s="13">
        <v>166</v>
      </c>
      <c r="J21" s="19">
        <v>89</v>
      </c>
      <c r="K21" s="19">
        <v>77</v>
      </c>
    </row>
    <row r="22" spans="1:11" ht="15" customHeight="1">
      <c r="A22" s="17" t="s">
        <v>41</v>
      </c>
      <c r="B22" s="17"/>
      <c r="C22" s="13">
        <v>72</v>
      </c>
      <c r="D22" s="19">
        <v>40</v>
      </c>
      <c r="E22" s="19">
        <v>32</v>
      </c>
      <c r="F22" s="19"/>
      <c r="G22" s="18" t="s">
        <v>42</v>
      </c>
      <c r="H22" s="17"/>
      <c r="I22" s="13">
        <v>154</v>
      </c>
      <c r="J22" s="19">
        <v>84</v>
      </c>
      <c r="K22" s="19">
        <v>70</v>
      </c>
    </row>
    <row r="23" spans="1:11" ht="20.100000000000001" customHeight="1">
      <c r="A23" s="17" t="s">
        <v>43</v>
      </c>
      <c r="B23" s="17"/>
      <c r="C23" s="13">
        <v>486</v>
      </c>
      <c r="D23" s="14">
        <v>252</v>
      </c>
      <c r="E23" s="14">
        <v>234</v>
      </c>
      <c r="F23" s="14"/>
      <c r="G23" s="18" t="s">
        <v>44</v>
      </c>
      <c r="H23" s="17"/>
      <c r="I23" s="13">
        <v>917</v>
      </c>
      <c r="J23" s="14">
        <v>443</v>
      </c>
      <c r="K23" s="14">
        <v>474</v>
      </c>
    </row>
    <row r="24" spans="1:11" ht="15" customHeight="1">
      <c r="A24" s="17" t="s">
        <v>45</v>
      </c>
      <c r="B24" s="17"/>
      <c r="C24" s="13">
        <v>77</v>
      </c>
      <c r="D24" s="19">
        <v>48</v>
      </c>
      <c r="E24" s="19">
        <v>29</v>
      </c>
      <c r="F24" s="19"/>
      <c r="G24" s="18" t="s">
        <v>46</v>
      </c>
      <c r="H24" s="17"/>
      <c r="I24" s="13">
        <v>147</v>
      </c>
      <c r="J24" s="19">
        <v>71</v>
      </c>
      <c r="K24" s="19">
        <v>76</v>
      </c>
    </row>
    <row r="25" spans="1:11" ht="15" customHeight="1">
      <c r="A25" s="17" t="s">
        <v>47</v>
      </c>
      <c r="B25" s="17"/>
      <c r="C25" s="13">
        <v>93</v>
      </c>
      <c r="D25" s="19">
        <v>40</v>
      </c>
      <c r="E25" s="19">
        <v>53</v>
      </c>
      <c r="F25" s="19"/>
      <c r="G25" s="18" t="s">
        <v>48</v>
      </c>
      <c r="H25" s="17"/>
      <c r="I25" s="13">
        <v>177</v>
      </c>
      <c r="J25" s="19">
        <v>90</v>
      </c>
      <c r="K25" s="19">
        <v>87</v>
      </c>
    </row>
    <row r="26" spans="1:11" ht="15" customHeight="1">
      <c r="A26" s="17" t="s">
        <v>49</v>
      </c>
      <c r="B26" s="17"/>
      <c r="C26" s="13">
        <v>97</v>
      </c>
      <c r="D26" s="19">
        <v>42</v>
      </c>
      <c r="E26" s="19">
        <v>55</v>
      </c>
      <c r="F26" s="19"/>
      <c r="G26" s="18" t="s">
        <v>50</v>
      </c>
      <c r="H26" s="17"/>
      <c r="I26" s="13">
        <v>185</v>
      </c>
      <c r="J26" s="19">
        <v>85</v>
      </c>
      <c r="K26" s="19">
        <v>100</v>
      </c>
    </row>
    <row r="27" spans="1:11" ht="15" customHeight="1">
      <c r="A27" s="17" t="s">
        <v>51</v>
      </c>
      <c r="B27" s="17"/>
      <c r="C27" s="13">
        <v>120</v>
      </c>
      <c r="D27" s="19">
        <v>69</v>
      </c>
      <c r="E27" s="19">
        <v>51</v>
      </c>
      <c r="F27" s="19"/>
      <c r="G27" s="18" t="s">
        <v>52</v>
      </c>
      <c r="H27" s="17"/>
      <c r="I27" s="13">
        <v>187</v>
      </c>
      <c r="J27" s="19">
        <v>102</v>
      </c>
      <c r="K27" s="19">
        <v>85</v>
      </c>
    </row>
    <row r="28" spans="1:11" ht="15" customHeight="1">
      <c r="A28" s="17" t="s">
        <v>53</v>
      </c>
      <c r="B28" s="17"/>
      <c r="C28" s="13">
        <v>99</v>
      </c>
      <c r="D28" s="19">
        <v>53</v>
      </c>
      <c r="E28" s="19">
        <v>46</v>
      </c>
      <c r="F28" s="19"/>
      <c r="G28" s="18" t="s">
        <v>54</v>
      </c>
      <c r="H28" s="17"/>
      <c r="I28" s="13">
        <v>221</v>
      </c>
      <c r="J28" s="19">
        <v>95</v>
      </c>
      <c r="K28" s="19">
        <v>126</v>
      </c>
    </row>
    <row r="29" spans="1:11" ht="20.100000000000001" customHeight="1">
      <c r="A29" s="17" t="s">
        <v>55</v>
      </c>
      <c r="B29" s="17"/>
      <c r="C29" s="13">
        <v>499</v>
      </c>
      <c r="D29" s="14">
        <v>275</v>
      </c>
      <c r="E29" s="14">
        <v>224</v>
      </c>
      <c r="F29" s="14"/>
      <c r="G29" s="18" t="s">
        <v>56</v>
      </c>
      <c r="H29" s="17"/>
      <c r="I29" s="13">
        <v>853</v>
      </c>
      <c r="J29" s="14">
        <v>400</v>
      </c>
      <c r="K29" s="14">
        <v>453</v>
      </c>
    </row>
    <row r="30" spans="1:11" ht="15" customHeight="1">
      <c r="A30" s="17" t="s">
        <v>57</v>
      </c>
      <c r="B30" s="17"/>
      <c r="C30" s="13">
        <v>120</v>
      </c>
      <c r="D30" s="19">
        <v>60</v>
      </c>
      <c r="E30" s="19">
        <v>60</v>
      </c>
      <c r="F30" s="19"/>
      <c r="G30" s="18" t="s">
        <v>58</v>
      </c>
      <c r="H30" s="17"/>
      <c r="I30" s="13">
        <v>199</v>
      </c>
      <c r="J30" s="19">
        <v>95</v>
      </c>
      <c r="K30" s="19">
        <v>104</v>
      </c>
    </row>
    <row r="31" spans="1:11" ht="15" customHeight="1">
      <c r="A31" s="17" t="s">
        <v>59</v>
      </c>
      <c r="B31" s="17"/>
      <c r="C31" s="13">
        <v>110</v>
      </c>
      <c r="D31" s="19">
        <v>52</v>
      </c>
      <c r="E31" s="19">
        <v>58</v>
      </c>
      <c r="F31" s="19"/>
      <c r="G31" s="18" t="s">
        <v>60</v>
      </c>
      <c r="H31" s="17"/>
      <c r="I31" s="13">
        <v>202</v>
      </c>
      <c r="J31" s="19">
        <v>98</v>
      </c>
      <c r="K31" s="19">
        <v>104</v>
      </c>
    </row>
    <row r="32" spans="1:11" ht="15" customHeight="1">
      <c r="A32" s="17" t="s">
        <v>61</v>
      </c>
      <c r="B32" s="17"/>
      <c r="C32" s="13">
        <v>82</v>
      </c>
      <c r="D32" s="19">
        <v>47</v>
      </c>
      <c r="E32" s="19">
        <v>35</v>
      </c>
      <c r="F32" s="19"/>
      <c r="G32" s="18" t="s">
        <v>62</v>
      </c>
      <c r="H32" s="17"/>
      <c r="I32" s="13">
        <v>153</v>
      </c>
      <c r="J32" s="19">
        <v>72</v>
      </c>
      <c r="K32" s="19">
        <v>81</v>
      </c>
    </row>
    <row r="33" spans="1:11" ht="15" customHeight="1">
      <c r="A33" s="17" t="s">
        <v>63</v>
      </c>
      <c r="B33" s="17"/>
      <c r="C33" s="13">
        <v>105</v>
      </c>
      <c r="D33" s="19">
        <v>66</v>
      </c>
      <c r="E33" s="19">
        <v>39</v>
      </c>
      <c r="F33" s="19"/>
      <c r="G33" s="18" t="s">
        <v>64</v>
      </c>
      <c r="H33" s="17"/>
      <c r="I33" s="13">
        <v>140</v>
      </c>
      <c r="J33" s="19">
        <v>59</v>
      </c>
      <c r="K33" s="19">
        <v>81</v>
      </c>
    </row>
    <row r="34" spans="1:11" ht="15" customHeight="1">
      <c r="A34" s="17" t="s">
        <v>65</v>
      </c>
      <c r="B34" s="17"/>
      <c r="C34" s="13">
        <v>82</v>
      </c>
      <c r="D34" s="19">
        <v>50</v>
      </c>
      <c r="E34" s="19">
        <v>32</v>
      </c>
      <c r="F34" s="19"/>
      <c r="G34" s="18" t="s">
        <v>66</v>
      </c>
      <c r="H34" s="17"/>
      <c r="I34" s="13">
        <v>159</v>
      </c>
      <c r="J34" s="19">
        <v>76</v>
      </c>
      <c r="K34" s="19">
        <v>83</v>
      </c>
    </row>
    <row r="35" spans="1:11" ht="20.100000000000001" customHeight="1">
      <c r="A35" s="17" t="s">
        <v>67</v>
      </c>
      <c r="B35" s="17"/>
      <c r="C35" s="13">
        <v>465</v>
      </c>
      <c r="D35" s="14">
        <v>248</v>
      </c>
      <c r="E35" s="14">
        <v>217</v>
      </c>
      <c r="F35" s="14"/>
      <c r="G35" s="18" t="s">
        <v>68</v>
      </c>
      <c r="H35" s="17"/>
      <c r="I35" s="13">
        <v>741</v>
      </c>
      <c r="J35" s="14">
        <v>327</v>
      </c>
      <c r="K35" s="14">
        <v>414</v>
      </c>
    </row>
    <row r="36" spans="1:11" ht="15" customHeight="1">
      <c r="A36" s="17" t="s">
        <v>69</v>
      </c>
      <c r="B36" s="17"/>
      <c r="C36" s="13">
        <v>78</v>
      </c>
      <c r="D36" s="19">
        <v>45</v>
      </c>
      <c r="E36" s="19">
        <v>33</v>
      </c>
      <c r="F36" s="19"/>
      <c r="G36" s="18" t="s">
        <v>70</v>
      </c>
      <c r="H36" s="17"/>
      <c r="I36" s="13">
        <v>160</v>
      </c>
      <c r="J36" s="19">
        <v>66</v>
      </c>
      <c r="K36" s="19">
        <v>94</v>
      </c>
    </row>
    <row r="37" spans="1:11" ht="15" customHeight="1">
      <c r="A37" s="17" t="s">
        <v>71</v>
      </c>
      <c r="B37" s="17"/>
      <c r="C37" s="13">
        <v>101</v>
      </c>
      <c r="D37" s="19">
        <v>47</v>
      </c>
      <c r="E37" s="19">
        <v>54</v>
      </c>
      <c r="F37" s="19"/>
      <c r="G37" s="18" t="s">
        <v>72</v>
      </c>
      <c r="H37" s="17"/>
      <c r="I37" s="13">
        <v>166</v>
      </c>
      <c r="J37" s="19">
        <v>83</v>
      </c>
      <c r="K37" s="19">
        <v>83</v>
      </c>
    </row>
    <row r="38" spans="1:11" ht="15" customHeight="1">
      <c r="A38" s="17" t="s">
        <v>73</v>
      </c>
      <c r="B38" s="17"/>
      <c r="C38" s="13">
        <v>92</v>
      </c>
      <c r="D38" s="19">
        <v>46</v>
      </c>
      <c r="E38" s="19">
        <v>46</v>
      </c>
      <c r="F38" s="19"/>
      <c r="G38" s="18" t="s">
        <v>74</v>
      </c>
      <c r="H38" s="17"/>
      <c r="I38" s="13">
        <v>161</v>
      </c>
      <c r="J38" s="19">
        <v>65</v>
      </c>
      <c r="K38" s="19">
        <v>96</v>
      </c>
    </row>
    <row r="39" spans="1:11" ht="15" customHeight="1">
      <c r="A39" s="17" t="s">
        <v>75</v>
      </c>
      <c r="B39" s="17"/>
      <c r="C39" s="13">
        <v>104</v>
      </c>
      <c r="D39" s="19">
        <v>54</v>
      </c>
      <c r="E39" s="19">
        <v>50</v>
      </c>
      <c r="F39" s="19"/>
      <c r="G39" s="18" t="s">
        <v>76</v>
      </c>
      <c r="H39" s="17"/>
      <c r="I39" s="13">
        <v>146</v>
      </c>
      <c r="J39" s="19">
        <v>60</v>
      </c>
      <c r="K39" s="19">
        <v>86</v>
      </c>
    </row>
    <row r="40" spans="1:11" ht="15" customHeight="1">
      <c r="A40" s="17" t="s">
        <v>77</v>
      </c>
      <c r="B40" s="17"/>
      <c r="C40" s="13">
        <v>90</v>
      </c>
      <c r="D40" s="19">
        <v>56</v>
      </c>
      <c r="E40" s="19">
        <v>34</v>
      </c>
      <c r="F40" s="19"/>
      <c r="G40" s="18" t="s">
        <v>78</v>
      </c>
      <c r="H40" s="17"/>
      <c r="I40" s="13">
        <v>108</v>
      </c>
      <c r="J40" s="19">
        <v>53</v>
      </c>
      <c r="K40" s="19">
        <v>55</v>
      </c>
    </row>
    <row r="41" spans="1:11" ht="20.100000000000001" customHeight="1">
      <c r="A41" s="17" t="s">
        <v>79</v>
      </c>
      <c r="B41" s="17"/>
      <c r="C41" s="13">
        <v>543</v>
      </c>
      <c r="D41" s="14">
        <v>278</v>
      </c>
      <c r="E41" s="14">
        <v>265</v>
      </c>
      <c r="F41" s="14"/>
      <c r="G41" s="18" t="s">
        <v>80</v>
      </c>
      <c r="H41" s="17"/>
      <c r="I41" s="13">
        <v>573</v>
      </c>
      <c r="J41" s="14">
        <v>229</v>
      </c>
      <c r="K41" s="14">
        <v>344</v>
      </c>
    </row>
    <row r="42" spans="1:11" ht="15" customHeight="1">
      <c r="A42" s="17" t="s">
        <v>81</v>
      </c>
      <c r="B42" s="17"/>
      <c r="C42" s="13">
        <v>117</v>
      </c>
      <c r="D42" s="19">
        <v>66</v>
      </c>
      <c r="E42" s="19">
        <v>51</v>
      </c>
      <c r="F42" s="19"/>
      <c r="G42" s="18" t="s">
        <v>82</v>
      </c>
      <c r="H42" s="17"/>
      <c r="I42" s="13">
        <v>130</v>
      </c>
      <c r="J42" s="19">
        <v>54</v>
      </c>
      <c r="K42" s="19">
        <v>76</v>
      </c>
    </row>
    <row r="43" spans="1:11" ht="15" customHeight="1">
      <c r="A43" s="17" t="s">
        <v>83</v>
      </c>
      <c r="B43" s="17"/>
      <c r="C43" s="13">
        <v>115</v>
      </c>
      <c r="D43" s="19">
        <v>62</v>
      </c>
      <c r="E43" s="19">
        <v>53</v>
      </c>
      <c r="F43" s="19"/>
      <c r="G43" s="18" t="s">
        <v>84</v>
      </c>
      <c r="H43" s="17"/>
      <c r="I43" s="13">
        <v>124</v>
      </c>
      <c r="J43" s="19">
        <v>50</v>
      </c>
      <c r="K43" s="19">
        <v>74</v>
      </c>
    </row>
    <row r="44" spans="1:11" ht="15" customHeight="1">
      <c r="A44" s="17" t="s">
        <v>85</v>
      </c>
      <c r="B44" s="17"/>
      <c r="C44" s="13">
        <v>96</v>
      </c>
      <c r="D44" s="19">
        <v>50</v>
      </c>
      <c r="E44" s="19">
        <v>46</v>
      </c>
      <c r="F44" s="19"/>
      <c r="G44" s="18" t="s">
        <v>86</v>
      </c>
      <c r="H44" s="17"/>
      <c r="I44" s="13">
        <v>118</v>
      </c>
      <c r="J44" s="19">
        <v>50</v>
      </c>
      <c r="K44" s="19">
        <v>68</v>
      </c>
    </row>
    <row r="45" spans="1:11" ht="15" customHeight="1">
      <c r="A45" s="17" t="s">
        <v>87</v>
      </c>
      <c r="B45" s="17"/>
      <c r="C45" s="13">
        <v>100</v>
      </c>
      <c r="D45" s="19">
        <v>45</v>
      </c>
      <c r="E45" s="19">
        <v>55</v>
      </c>
      <c r="F45" s="19"/>
      <c r="G45" s="18" t="s">
        <v>88</v>
      </c>
      <c r="H45" s="17"/>
      <c r="I45" s="13">
        <v>110</v>
      </c>
      <c r="J45" s="19">
        <v>38</v>
      </c>
      <c r="K45" s="19">
        <v>72</v>
      </c>
    </row>
    <row r="46" spans="1:11" ht="15" customHeight="1">
      <c r="A46" s="17" t="s">
        <v>89</v>
      </c>
      <c r="B46" s="17"/>
      <c r="C46" s="13">
        <v>115</v>
      </c>
      <c r="D46" s="19">
        <v>55</v>
      </c>
      <c r="E46" s="19">
        <v>60</v>
      </c>
      <c r="F46" s="19"/>
      <c r="G46" s="18" t="s">
        <v>90</v>
      </c>
      <c r="H46" s="17"/>
      <c r="I46" s="13">
        <v>91</v>
      </c>
      <c r="J46" s="19">
        <v>37</v>
      </c>
      <c r="K46" s="19">
        <v>54</v>
      </c>
    </row>
    <row r="47" spans="1:11" ht="20.100000000000001" customHeight="1">
      <c r="A47" s="17" t="s">
        <v>91</v>
      </c>
      <c r="B47" s="17"/>
      <c r="C47" s="13">
        <v>523</v>
      </c>
      <c r="D47" s="14">
        <v>278</v>
      </c>
      <c r="E47" s="14">
        <v>245</v>
      </c>
      <c r="F47" s="14"/>
      <c r="G47" s="18" t="s">
        <v>92</v>
      </c>
      <c r="H47" s="17"/>
      <c r="I47" s="13">
        <v>355</v>
      </c>
      <c r="J47" s="14">
        <v>133</v>
      </c>
      <c r="K47" s="14">
        <v>222</v>
      </c>
    </row>
    <row r="48" spans="1:11" ht="15" customHeight="1">
      <c r="A48" s="17" t="s">
        <v>93</v>
      </c>
      <c r="B48" s="17"/>
      <c r="C48" s="13">
        <v>104</v>
      </c>
      <c r="D48" s="19">
        <v>59</v>
      </c>
      <c r="E48" s="19">
        <v>45</v>
      </c>
      <c r="F48" s="19"/>
      <c r="G48" s="18" t="s">
        <v>94</v>
      </c>
      <c r="H48" s="17"/>
      <c r="I48" s="13">
        <v>93</v>
      </c>
      <c r="J48" s="19">
        <v>36</v>
      </c>
      <c r="K48" s="19">
        <v>57</v>
      </c>
    </row>
    <row r="49" spans="1:11" ht="15" customHeight="1">
      <c r="A49" s="17" t="s">
        <v>95</v>
      </c>
      <c r="B49" s="17"/>
      <c r="C49" s="13">
        <v>109</v>
      </c>
      <c r="D49" s="19">
        <v>52</v>
      </c>
      <c r="E49" s="19">
        <v>57</v>
      </c>
      <c r="F49" s="19"/>
      <c r="G49" s="18" t="s">
        <v>96</v>
      </c>
      <c r="H49" s="17"/>
      <c r="I49" s="13">
        <v>80</v>
      </c>
      <c r="J49" s="19">
        <v>31</v>
      </c>
      <c r="K49" s="19">
        <v>49</v>
      </c>
    </row>
    <row r="50" spans="1:11" ht="15" customHeight="1">
      <c r="A50" s="17" t="s">
        <v>97</v>
      </c>
      <c r="B50" s="17"/>
      <c r="C50" s="13">
        <v>94</v>
      </c>
      <c r="D50" s="19">
        <v>49</v>
      </c>
      <c r="E50" s="19">
        <v>45</v>
      </c>
      <c r="F50" s="19"/>
      <c r="G50" s="18" t="s">
        <v>98</v>
      </c>
      <c r="H50" s="17"/>
      <c r="I50" s="13">
        <v>64</v>
      </c>
      <c r="J50" s="19">
        <v>24</v>
      </c>
      <c r="K50" s="19">
        <v>40</v>
      </c>
    </row>
    <row r="51" spans="1:11" ht="15" customHeight="1">
      <c r="A51" s="17" t="s">
        <v>99</v>
      </c>
      <c r="B51" s="17"/>
      <c r="C51" s="13">
        <v>106</v>
      </c>
      <c r="D51" s="19">
        <v>55</v>
      </c>
      <c r="E51" s="19">
        <v>51</v>
      </c>
      <c r="F51" s="19"/>
      <c r="G51" s="18" t="s">
        <v>100</v>
      </c>
      <c r="H51" s="17"/>
      <c r="I51" s="13">
        <v>61</v>
      </c>
      <c r="J51" s="19">
        <v>21</v>
      </c>
      <c r="K51" s="19">
        <v>40</v>
      </c>
    </row>
    <row r="52" spans="1:11" ht="15" customHeight="1">
      <c r="A52" s="17" t="s">
        <v>101</v>
      </c>
      <c r="B52" s="17"/>
      <c r="C52" s="13">
        <v>110</v>
      </c>
      <c r="D52" s="19">
        <v>63</v>
      </c>
      <c r="E52" s="19">
        <v>47</v>
      </c>
      <c r="F52" s="19"/>
      <c r="G52" s="18" t="s">
        <v>102</v>
      </c>
      <c r="H52" s="17"/>
      <c r="I52" s="13">
        <v>57</v>
      </c>
      <c r="J52" s="19">
        <v>21</v>
      </c>
      <c r="K52" s="19">
        <v>36</v>
      </c>
    </row>
    <row r="53" spans="1:11" ht="20.100000000000001" customHeight="1">
      <c r="A53" s="17" t="s">
        <v>103</v>
      </c>
      <c r="B53" s="17"/>
      <c r="C53" s="13">
        <v>644</v>
      </c>
      <c r="D53" s="14">
        <v>332</v>
      </c>
      <c r="E53" s="14">
        <v>312</v>
      </c>
      <c r="F53" s="14"/>
      <c r="G53" s="18" t="s">
        <v>104</v>
      </c>
      <c r="H53" s="17"/>
      <c r="I53" s="13">
        <v>135</v>
      </c>
      <c r="J53" s="14">
        <v>32</v>
      </c>
      <c r="K53" s="14">
        <v>103</v>
      </c>
    </row>
    <row r="54" spans="1:11" ht="15" customHeight="1">
      <c r="A54" s="17" t="s">
        <v>105</v>
      </c>
      <c r="B54" s="17"/>
      <c r="C54" s="13">
        <v>138</v>
      </c>
      <c r="D54" s="19">
        <v>68</v>
      </c>
      <c r="E54" s="19">
        <v>70</v>
      </c>
      <c r="F54" s="19"/>
      <c r="G54" s="18" t="s">
        <v>106</v>
      </c>
      <c r="H54" s="17"/>
      <c r="I54" s="13">
        <v>34</v>
      </c>
      <c r="J54" s="19">
        <v>8</v>
      </c>
      <c r="K54" s="19">
        <v>26</v>
      </c>
    </row>
    <row r="55" spans="1:11" ht="15" customHeight="1">
      <c r="A55" s="17" t="s">
        <v>107</v>
      </c>
      <c r="B55" s="17"/>
      <c r="C55" s="13">
        <v>136</v>
      </c>
      <c r="D55" s="19">
        <v>72</v>
      </c>
      <c r="E55" s="19">
        <v>64</v>
      </c>
      <c r="F55" s="19"/>
      <c r="G55" s="18" t="s">
        <v>108</v>
      </c>
      <c r="H55" s="17"/>
      <c r="I55" s="13">
        <v>39</v>
      </c>
      <c r="J55" s="19">
        <v>8</v>
      </c>
      <c r="K55" s="19">
        <v>31</v>
      </c>
    </row>
    <row r="56" spans="1:11" ht="15" customHeight="1">
      <c r="A56" s="17" t="s">
        <v>109</v>
      </c>
      <c r="B56" s="17"/>
      <c r="C56" s="13">
        <v>115</v>
      </c>
      <c r="D56" s="19">
        <v>60</v>
      </c>
      <c r="E56" s="19">
        <v>55</v>
      </c>
      <c r="F56" s="19"/>
      <c r="G56" s="18" t="s">
        <v>110</v>
      </c>
      <c r="H56" s="17"/>
      <c r="I56" s="13">
        <v>32</v>
      </c>
      <c r="J56" s="19">
        <v>9</v>
      </c>
      <c r="K56" s="19">
        <v>23</v>
      </c>
    </row>
    <row r="57" spans="1:11" ht="15" customHeight="1">
      <c r="A57" s="17" t="s">
        <v>111</v>
      </c>
      <c r="B57" s="17"/>
      <c r="C57" s="13">
        <v>115</v>
      </c>
      <c r="D57" s="19">
        <v>57</v>
      </c>
      <c r="E57" s="19">
        <v>58</v>
      </c>
      <c r="F57" s="19"/>
      <c r="G57" s="18" t="s">
        <v>112</v>
      </c>
      <c r="H57" s="17"/>
      <c r="I57" s="13">
        <v>24</v>
      </c>
      <c r="J57" s="19">
        <v>6</v>
      </c>
      <c r="K57" s="19">
        <v>18</v>
      </c>
    </row>
    <row r="58" spans="1:11" ht="15" customHeight="1">
      <c r="A58" s="17" t="s">
        <v>113</v>
      </c>
      <c r="B58" s="17"/>
      <c r="C58" s="13">
        <v>140</v>
      </c>
      <c r="D58" s="19">
        <v>75</v>
      </c>
      <c r="E58" s="19">
        <v>65</v>
      </c>
      <c r="F58" s="19"/>
      <c r="G58" s="18" t="s">
        <v>114</v>
      </c>
      <c r="H58" s="17"/>
      <c r="I58" s="13">
        <v>6</v>
      </c>
      <c r="J58" s="19">
        <v>1</v>
      </c>
      <c r="K58" s="19">
        <v>5</v>
      </c>
    </row>
    <row r="59" spans="1:11" ht="20.100000000000001" customHeight="1">
      <c r="A59" s="17" t="s">
        <v>115</v>
      </c>
      <c r="B59" s="17"/>
      <c r="C59" s="13">
        <v>833</v>
      </c>
      <c r="D59" s="14">
        <v>432</v>
      </c>
      <c r="E59" s="14">
        <v>401</v>
      </c>
      <c r="F59" s="14"/>
      <c r="G59" s="18" t="s">
        <v>116</v>
      </c>
      <c r="H59" s="17"/>
      <c r="I59" s="13">
        <v>30</v>
      </c>
      <c r="J59" s="14">
        <v>2</v>
      </c>
      <c r="K59" s="14">
        <v>28</v>
      </c>
    </row>
    <row r="60" spans="1:11" ht="15" customHeight="1">
      <c r="A60" s="17" t="s">
        <v>117</v>
      </c>
      <c r="B60" s="17"/>
      <c r="C60" s="13">
        <v>173</v>
      </c>
      <c r="D60" s="19">
        <v>97</v>
      </c>
      <c r="E60" s="19">
        <v>76</v>
      </c>
      <c r="F60" s="19"/>
      <c r="G60" s="18" t="s">
        <v>118</v>
      </c>
      <c r="H60" s="17"/>
      <c r="I60" s="13">
        <v>2</v>
      </c>
      <c r="J60" s="19">
        <v>0</v>
      </c>
      <c r="K60" s="19">
        <v>2</v>
      </c>
    </row>
    <row r="61" spans="1:11" ht="15" customHeight="1">
      <c r="A61" s="17" t="s">
        <v>119</v>
      </c>
      <c r="B61" s="17"/>
      <c r="C61" s="13">
        <v>153</v>
      </c>
      <c r="D61" s="19">
        <v>77</v>
      </c>
      <c r="E61" s="19">
        <v>76</v>
      </c>
      <c r="F61" s="19"/>
      <c r="G61" s="18" t="s">
        <v>120</v>
      </c>
      <c r="H61" s="17"/>
      <c r="I61" s="13">
        <v>15</v>
      </c>
      <c r="J61" s="19">
        <v>1</v>
      </c>
      <c r="K61" s="19">
        <v>14</v>
      </c>
    </row>
    <row r="62" spans="1:11" ht="15" customHeight="1">
      <c r="A62" s="17" t="s">
        <v>121</v>
      </c>
      <c r="B62" s="17"/>
      <c r="C62" s="13">
        <v>178</v>
      </c>
      <c r="D62" s="19">
        <v>92</v>
      </c>
      <c r="E62" s="19">
        <v>86</v>
      </c>
      <c r="F62" s="19"/>
      <c r="G62" s="18" t="s">
        <v>122</v>
      </c>
      <c r="H62" s="17"/>
      <c r="I62" s="13">
        <v>8</v>
      </c>
      <c r="J62" s="19">
        <v>0</v>
      </c>
      <c r="K62" s="19">
        <v>8</v>
      </c>
    </row>
    <row r="63" spans="1:11" ht="15" customHeight="1">
      <c r="A63" s="17" t="s">
        <v>123</v>
      </c>
      <c r="B63" s="17"/>
      <c r="C63" s="13">
        <v>161</v>
      </c>
      <c r="D63" s="19">
        <v>87</v>
      </c>
      <c r="E63" s="19">
        <v>74</v>
      </c>
      <c r="F63" s="19"/>
      <c r="G63" s="18" t="s">
        <v>124</v>
      </c>
      <c r="H63" s="17"/>
      <c r="I63" s="13">
        <v>2</v>
      </c>
      <c r="J63" s="19">
        <v>0</v>
      </c>
      <c r="K63" s="19">
        <v>2</v>
      </c>
    </row>
    <row r="64" spans="1:11" ht="15" customHeight="1">
      <c r="A64" s="17" t="s">
        <v>125</v>
      </c>
      <c r="B64" s="17"/>
      <c r="C64" s="13">
        <v>168</v>
      </c>
      <c r="D64" s="19">
        <v>79</v>
      </c>
      <c r="E64" s="19">
        <v>89</v>
      </c>
      <c r="F64" s="19"/>
      <c r="G64" s="18" t="s">
        <v>126</v>
      </c>
      <c r="H64" s="17"/>
      <c r="I64" s="13">
        <v>3</v>
      </c>
      <c r="J64" s="19">
        <v>1</v>
      </c>
      <c r="K64" s="19">
        <v>2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</v>
      </c>
      <c r="J65" s="19">
        <v>0</v>
      </c>
      <c r="K65" s="19">
        <v>5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4</v>
      </c>
      <c r="J66" s="29">
        <v>2</v>
      </c>
      <c r="K66" s="29">
        <v>2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1" pageOrder="overThenDown" orientation="portrait" blackAndWhite="1" useFirstPageNumber="1" horizontalDpi="300" verticalDpi="300"/>
  <headerFooter scaleWithDoc="0"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7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841</v>
      </c>
      <c r="D4" s="14">
        <v>4829</v>
      </c>
      <c r="E4" s="14">
        <v>501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16</v>
      </c>
      <c r="D5" s="14">
        <v>109</v>
      </c>
      <c r="E5" s="14">
        <v>107</v>
      </c>
      <c r="F5" s="14"/>
      <c r="G5" s="18" t="s">
        <v>8</v>
      </c>
      <c r="H5" s="17"/>
      <c r="I5" s="13">
        <v>629</v>
      </c>
      <c r="J5" s="14">
        <v>327</v>
      </c>
      <c r="K5" s="14">
        <v>302</v>
      </c>
    </row>
    <row r="6" spans="1:11" ht="15" customHeight="1">
      <c r="A6" s="17" t="s">
        <v>9</v>
      </c>
      <c r="B6" s="17"/>
      <c r="C6" s="13">
        <v>35</v>
      </c>
      <c r="D6" s="19">
        <v>16</v>
      </c>
      <c r="E6" s="19">
        <v>19</v>
      </c>
      <c r="F6" s="19"/>
      <c r="G6" s="18" t="s">
        <v>10</v>
      </c>
      <c r="H6" s="17"/>
      <c r="I6" s="13">
        <v>127</v>
      </c>
      <c r="J6" s="19">
        <v>70</v>
      </c>
      <c r="K6" s="19">
        <v>57</v>
      </c>
    </row>
    <row r="7" spans="1:11" ht="15" customHeight="1">
      <c r="A7" s="17" t="s">
        <v>11</v>
      </c>
      <c r="B7" s="17"/>
      <c r="C7" s="13">
        <v>33</v>
      </c>
      <c r="D7" s="19">
        <v>14</v>
      </c>
      <c r="E7" s="19">
        <v>19</v>
      </c>
      <c r="F7" s="19"/>
      <c r="G7" s="18" t="s">
        <v>12</v>
      </c>
      <c r="H7" s="17"/>
      <c r="I7" s="13">
        <v>129</v>
      </c>
      <c r="J7" s="19">
        <v>70</v>
      </c>
      <c r="K7" s="19">
        <v>59</v>
      </c>
    </row>
    <row r="8" spans="1:11" ht="15" customHeight="1">
      <c r="A8" s="17" t="s">
        <v>13</v>
      </c>
      <c r="B8" s="17"/>
      <c r="C8" s="13">
        <v>41</v>
      </c>
      <c r="D8" s="19">
        <v>24</v>
      </c>
      <c r="E8" s="19">
        <v>17</v>
      </c>
      <c r="F8" s="19"/>
      <c r="G8" s="18" t="s">
        <v>14</v>
      </c>
      <c r="H8" s="17"/>
      <c r="I8" s="13">
        <v>101</v>
      </c>
      <c r="J8" s="19">
        <v>44</v>
      </c>
      <c r="K8" s="19">
        <v>57</v>
      </c>
    </row>
    <row r="9" spans="1:11" ht="15" customHeight="1">
      <c r="A9" s="17" t="s">
        <v>15</v>
      </c>
      <c r="B9" s="17"/>
      <c r="C9" s="13">
        <v>49</v>
      </c>
      <c r="D9" s="19">
        <v>27</v>
      </c>
      <c r="E9" s="19">
        <v>22</v>
      </c>
      <c r="F9" s="19"/>
      <c r="G9" s="18" t="s">
        <v>16</v>
      </c>
      <c r="H9" s="17"/>
      <c r="I9" s="13">
        <v>146</v>
      </c>
      <c r="J9" s="19">
        <v>82</v>
      </c>
      <c r="K9" s="19">
        <v>64</v>
      </c>
    </row>
    <row r="10" spans="1:11" ht="15" customHeight="1">
      <c r="A10" s="17" t="s">
        <v>17</v>
      </c>
      <c r="B10" s="17"/>
      <c r="C10" s="13">
        <v>58</v>
      </c>
      <c r="D10" s="19">
        <v>28</v>
      </c>
      <c r="E10" s="19">
        <v>30</v>
      </c>
      <c r="F10" s="19"/>
      <c r="G10" s="18" t="s">
        <v>18</v>
      </c>
      <c r="H10" s="17"/>
      <c r="I10" s="13">
        <v>126</v>
      </c>
      <c r="J10" s="19">
        <v>61</v>
      </c>
      <c r="K10" s="19">
        <v>65</v>
      </c>
    </row>
    <row r="11" spans="1:11" ht="20.100000000000001" customHeight="1">
      <c r="A11" s="17" t="s">
        <v>19</v>
      </c>
      <c r="B11" s="17"/>
      <c r="C11" s="13">
        <v>317</v>
      </c>
      <c r="D11" s="14">
        <v>164</v>
      </c>
      <c r="E11" s="14">
        <v>153</v>
      </c>
      <c r="F11" s="14"/>
      <c r="G11" s="18" t="s">
        <v>20</v>
      </c>
      <c r="H11" s="17"/>
      <c r="I11" s="13">
        <v>670</v>
      </c>
      <c r="J11" s="14">
        <v>342</v>
      </c>
      <c r="K11" s="14">
        <v>328</v>
      </c>
    </row>
    <row r="12" spans="1:11" ht="15" customHeight="1">
      <c r="A12" s="17" t="s">
        <v>21</v>
      </c>
      <c r="B12" s="17"/>
      <c r="C12" s="13">
        <v>70</v>
      </c>
      <c r="D12" s="19">
        <v>34</v>
      </c>
      <c r="E12" s="19">
        <v>36</v>
      </c>
      <c r="F12" s="19"/>
      <c r="G12" s="18" t="s">
        <v>22</v>
      </c>
      <c r="H12" s="17"/>
      <c r="I12" s="13">
        <v>123</v>
      </c>
      <c r="J12" s="19">
        <v>68</v>
      </c>
      <c r="K12" s="19">
        <v>55</v>
      </c>
    </row>
    <row r="13" spans="1:11" ht="15" customHeight="1">
      <c r="A13" s="17" t="s">
        <v>23</v>
      </c>
      <c r="B13" s="17"/>
      <c r="C13" s="13">
        <v>63</v>
      </c>
      <c r="D13" s="19">
        <v>27</v>
      </c>
      <c r="E13" s="19">
        <v>36</v>
      </c>
      <c r="F13" s="19"/>
      <c r="G13" s="18" t="s">
        <v>24</v>
      </c>
      <c r="H13" s="17"/>
      <c r="I13" s="13">
        <v>134</v>
      </c>
      <c r="J13" s="19">
        <v>72</v>
      </c>
      <c r="K13" s="19">
        <v>62</v>
      </c>
    </row>
    <row r="14" spans="1:11" ht="15" customHeight="1">
      <c r="A14" s="17" t="s">
        <v>25</v>
      </c>
      <c r="B14" s="17"/>
      <c r="C14" s="13">
        <v>62</v>
      </c>
      <c r="D14" s="19">
        <v>31</v>
      </c>
      <c r="E14" s="19">
        <v>31</v>
      </c>
      <c r="F14" s="19"/>
      <c r="G14" s="18" t="s">
        <v>26</v>
      </c>
      <c r="H14" s="17"/>
      <c r="I14" s="13">
        <v>123</v>
      </c>
      <c r="J14" s="19">
        <v>50</v>
      </c>
      <c r="K14" s="19">
        <v>73</v>
      </c>
    </row>
    <row r="15" spans="1:11" ht="15" customHeight="1">
      <c r="A15" s="17" t="s">
        <v>27</v>
      </c>
      <c r="B15" s="17"/>
      <c r="C15" s="13">
        <v>62</v>
      </c>
      <c r="D15" s="19">
        <v>38</v>
      </c>
      <c r="E15" s="19">
        <v>24</v>
      </c>
      <c r="F15" s="19"/>
      <c r="G15" s="18" t="s">
        <v>28</v>
      </c>
      <c r="H15" s="17"/>
      <c r="I15" s="13">
        <v>148</v>
      </c>
      <c r="J15" s="19">
        <v>74</v>
      </c>
      <c r="K15" s="19">
        <v>74</v>
      </c>
    </row>
    <row r="16" spans="1:11" ht="15" customHeight="1">
      <c r="A16" s="17" t="s">
        <v>29</v>
      </c>
      <c r="B16" s="17"/>
      <c r="C16" s="13">
        <v>60</v>
      </c>
      <c r="D16" s="19">
        <v>34</v>
      </c>
      <c r="E16" s="19">
        <v>26</v>
      </c>
      <c r="F16" s="19"/>
      <c r="G16" s="18" t="s">
        <v>30</v>
      </c>
      <c r="H16" s="17"/>
      <c r="I16" s="13">
        <v>142</v>
      </c>
      <c r="J16" s="19">
        <v>78</v>
      </c>
      <c r="K16" s="19">
        <v>64</v>
      </c>
    </row>
    <row r="17" spans="1:11" ht="20.100000000000001" customHeight="1">
      <c r="A17" s="20" t="s">
        <v>31</v>
      </c>
      <c r="B17" s="20"/>
      <c r="C17" s="13">
        <v>340</v>
      </c>
      <c r="D17" s="14">
        <v>169</v>
      </c>
      <c r="E17" s="14">
        <v>171</v>
      </c>
      <c r="F17" s="14"/>
      <c r="G17" s="18" t="s">
        <v>32</v>
      </c>
      <c r="H17" s="17"/>
      <c r="I17" s="13">
        <v>830</v>
      </c>
      <c r="J17" s="14">
        <v>400</v>
      </c>
      <c r="K17" s="14">
        <v>430</v>
      </c>
    </row>
    <row r="18" spans="1:11" ht="15" customHeight="1">
      <c r="A18" s="17" t="s">
        <v>33</v>
      </c>
      <c r="B18" s="17"/>
      <c r="C18" s="13">
        <v>62</v>
      </c>
      <c r="D18" s="19">
        <v>29</v>
      </c>
      <c r="E18" s="19">
        <v>33</v>
      </c>
      <c r="F18" s="19"/>
      <c r="G18" s="18" t="s">
        <v>34</v>
      </c>
      <c r="H18" s="17"/>
      <c r="I18" s="13">
        <v>164</v>
      </c>
      <c r="J18" s="19">
        <v>83</v>
      </c>
      <c r="K18" s="19">
        <v>81</v>
      </c>
    </row>
    <row r="19" spans="1:11" ht="15" customHeight="1">
      <c r="A19" s="17" t="s">
        <v>35</v>
      </c>
      <c r="B19" s="17"/>
      <c r="C19" s="13">
        <v>57</v>
      </c>
      <c r="D19" s="19">
        <v>29</v>
      </c>
      <c r="E19" s="19">
        <v>28</v>
      </c>
      <c r="F19" s="19"/>
      <c r="G19" s="18" t="s">
        <v>36</v>
      </c>
      <c r="H19" s="17"/>
      <c r="I19" s="13">
        <v>150</v>
      </c>
      <c r="J19" s="19">
        <v>76</v>
      </c>
      <c r="K19" s="19">
        <v>74</v>
      </c>
    </row>
    <row r="20" spans="1:11" ht="15" customHeight="1">
      <c r="A20" s="17" t="s">
        <v>37</v>
      </c>
      <c r="B20" s="17"/>
      <c r="C20" s="13">
        <v>77</v>
      </c>
      <c r="D20" s="19">
        <v>36</v>
      </c>
      <c r="E20" s="19">
        <v>41</v>
      </c>
      <c r="F20" s="19"/>
      <c r="G20" s="18" t="s">
        <v>38</v>
      </c>
      <c r="H20" s="17"/>
      <c r="I20" s="13">
        <v>176</v>
      </c>
      <c r="J20" s="19">
        <v>86</v>
      </c>
      <c r="K20" s="19">
        <v>90</v>
      </c>
    </row>
    <row r="21" spans="1:11" ht="15" customHeight="1">
      <c r="A21" s="17" t="s">
        <v>39</v>
      </c>
      <c r="B21" s="17"/>
      <c r="C21" s="13">
        <v>66</v>
      </c>
      <c r="D21" s="19">
        <v>36</v>
      </c>
      <c r="E21" s="19">
        <v>30</v>
      </c>
      <c r="F21" s="19"/>
      <c r="G21" s="18" t="s">
        <v>40</v>
      </c>
      <c r="H21" s="17"/>
      <c r="I21" s="13">
        <v>164</v>
      </c>
      <c r="J21" s="19">
        <v>73</v>
      </c>
      <c r="K21" s="19">
        <v>91</v>
      </c>
    </row>
    <row r="22" spans="1:11" ht="15" customHeight="1">
      <c r="A22" s="17" t="s">
        <v>41</v>
      </c>
      <c r="B22" s="17"/>
      <c r="C22" s="13">
        <v>78</v>
      </c>
      <c r="D22" s="19">
        <v>39</v>
      </c>
      <c r="E22" s="19">
        <v>39</v>
      </c>
      <c r="F22" s="19"/>
      <c r="G22" s="18" t="s">
        <v>42</v>
      </c>
      <c r="H22" s="17"/>
      <c r="I22" s="13">
        <v>176</v>
      </c>
      <c r="J22" s="19">
        <v>82</v>
      </c>
      <c r="K22" s="19">
        <v>94</v>
      </c>
    </row>
    <row r="23" spans="1:11" ht="20.100000000000001" customHeight="1">
      <c r="A23" s="17" t="s">
        <v>43</v>
      </c>
      <c r="B23" s="17"/>
      <c r="C23" s="13">
        <v>416</v>
      </c>
      <c r="D23" s="14">
        <v>217</v>
      </c>
      <c r="E23" s="14">
        <v>199</v>
      </c>
      <c r="F23" s="14"/>
      <c r="G23" s="18" t="s">
        <v>44</v>
      </c>
      <c r="H23" s="17"/>
      <c r="I23" s="13">
        <v>1050</v>
      </c>
      <c r="J23" s="14">
        <v>530</v>
      </c>
      <c r="K23" s="14">
        <v>520</v>
      </c>
    </row>
    <row r="24" spans="1:11" ht="15" customHeight="1">
      <c r="A24" s="17" t="s">
        <v>45</v>
      </c>
      <c r="B24" s="17"/>
      <c r="C24" s="13">
        <v>81</v>
      </c>
      <c r="D24" s="19">
        <v>40</v>
      </c>
      <c r="E24" s="19">
        <v>41</v>
      </c>
      <c r="F24" s="19"/>
      <c r="G24" s="18" t="s">
        <v>46</v>
      </c>
      <c r="H24" s="17"/>
      <c r="I24" s="13">
        <v>168</v>
      </c>
      <c r="J24" s="19">
        <v>91</v>
      </c>
      <c r="K24" s="19">
        <v>77</v>
      </c>
    </row>
    <row r="25" spans="1:11" ht="15" customHeight="1">
      <c r="A25" s="17" t="s">
        <v>47</v>
      </c>
      <c r="B25" s="17"/>
      <c r="C25" s="13">
        <v>74</v>
      </c>
      <c r="D25" s="19">
        <v>42</v>
      </c>
      <c r="E25" s="19">
        <v>32</v>
      </c>
      <c r="F25" s="19"/>
      <c r="G25" s="18" t="s">
        <v>48</v>
      </c>
      <c r="H25" s="17"/>
      <c r="I25" s="13">
        <v>196</v>
      </c>
      <c r="J25" s="19">
        <v>96</v>
      </c>
      <c r="K25" s="19">
        <v>100</v>
      </c>
    </row>
    <row r="26" spans="1:11" ht="15" customHeight="1">
      <c r="A26" s="17" t="s">
        <v>49</v>
      </c>
      <c r="B26" s="17"/>
      <c r="C26" s="13">
        <v>86</v>
      </c>
      <c r="D26" s="19">
        <v>52</v>
      </c>
      <c r="E26" s="19">
        <v>34</v>
      </c>
      <c r="F26" s="19"/>
      <c r="G26" s="18" t="s">
        <v>50</v>
      </c>
      <c r="H26" s="17"/>
      <c r="I26" s="13">
        <v>199</v>
      </c>
      <c r="J26" s="19">
        <v>104</v>
      </c>
      <c r="K26" s="19">
        <v>95</v>
      </c>
    </row>
    <row r="27" spans="1:11" ht="15" customHeight="1">
      <c r="A27" s="17" t="s">
        <v>51</v>
      </c>
      <c r="B27" s="17"/>
      <c r="C27" s="13">
        <v>85</v>
      </c>
      <c r="D27" s="19">
        <v>40</v>
      </c>
      <c r="E27" s="19">
        <v>45</v>
      </c>
      <c r="F27" s="19"/>
      <c r="G27" s="18" t="s">
        <v>52</v>
      </c>
      <c r="H27" s="17"/>
      <c r="I27" s="13">
        <v>247</v>
      </c>
      <c r="J27" s="19">
        <v>125</v>
      </c>
      <c r="K27" s="19">
        <v>122</v>
      </c>
    </row>
    <row r="28" spans="1:11" ht="15" customHeight="1">
      <c r="A28" s="17" t="s">
        <v>53</v>
      </c>
      <c r="B28" s="17"/>
      <c r="C28" s="13">
        <v>90</v>
      </c>
      <c r="D28" s="19">
        <v>43</v>
      </c>
      <c r="E28" s="19">
        <v>47</v>
      </c>
      <c r="F28" s="19"/>
      <c r="G28" s="18" t="s">
        <v>54</v>
      </c>
      <c r="H28" s="17"/>
      <c r="I28" s="13">
        <v>240</v>
      </c>
      <c r="J28" s="19">
        <v>114</v>
      </c>
      <c r="K28" s="19">
        <v>126</v>
      </c>
    </row>
    <row r="29" spans="1:11" ht="20.100000000000001" customHeight="1">
      <c r="A29" s="17" t="s">
        <v>55</v>
      </c>
      <c r="B29" s="17"/>
      <c r="C29" s="13">
        <v>387</v>
      </c>
      <c r="D29" s="14">
        <v>207</v>
      </c>
      <c r="E29" s="14">
        <v>180</v>
      </c>
      <c r="F29" s="14"/>
      <c r="G29" s="18" t="s">
        <v>56</v>
      </c>
      <c r="H29" s="17"/>
      <c r="I29" s="13">
        <v>880</v>
      </c>
      <c r="J29" s="14">
        <v>439</v>
      </c>
      <c r="K29" s="14">
        <v>441</v>
      </c>
    </row>
    <row r="30" spans="1:11" ht="15" customHeight="1">
      <c r="A30" s="17" t="s">
        <v>57</v>
      </c>
      <c r="B30" s="17"/>
      <c r="C30" s="13">
        <v>79</v>
      </c>
      <c r="D30" s="19">
        <v>47</v>
      </c>
      <c r="E30" s="19">
        <v>32</v>
      </c>
      <c r="F30" s="19"/>
      <c r="G30" s="18" t="s">
        <v>58</v>
      </c>
      <c r="H30" s="17"/>
      <c r="I30" s="13">
        <v>229</v>
      </c>
      <c r="J30" s="19">
        <v>113</v>
      </c>
      <c r="K30" s="19">
        <v>116</v>
      </c>
    </row>
    <row r="31" spans="1:11" ht="15" customHeight="1">
      <c r="A31" s="17" t="s">
        <v>59</v>
      </c>
      <c r="B31" s="17"/>
      <c r="C31" s="13">
        <v>98</v>
      </c>
      <c r="D31" s="19">
        <v>48</v>
      </c>
      <c r="E31" s="19">
        <v>50</v>
      </c>
      <c r="F31" s="19"/>
      <c r="G31" s="18" t="s">
        <v>60</v>
      </c>
      <c r="H31" s="17"/>
      <c r="I31" s="13">
        <v>235</v>
      </c>
      <c r="J31" s="19">
        <v>120</v>
      </c>
      <c r="K31" s="19">
        <v>115</v>
      </c>
    </row>
    <row r="32" spans="1:11" ht="15" customHeight="1">
      <c r="A32" s="17" t="s">
        <v>61</v>
      </c>
      <c r="B32" s="17"/>
      <c r="C32" s="13">
        <v>71</v>
      </c>
      <c r="D32" s="19">
        <v>41</v>
      </c>
      <c r="E32" s="19">
        <v>30</v>
      </c>
      <c r="F32" s="19"/>
      <c r="G32" s="18" t="s">
        <v>62</v>
      </c>
      <c r="H32" s="17"/>
      <c r="I32" s="13">
        <v>141</v>
      </c>
      <c r="J32" s="19">
        <v>62</v>
      </c>
      <c r="K32" s="19">
        <v>79</v>
      </c>
    </row>
    <row r="33" spans="1:11" ht="15" customHeight="1">
      <c r="A33" s="17" t="s">
        <v>63</v>
      </c>
      <c r="B33" s="17"/>
      <c r="C33" s="13">
        <v>67</v>
      </c>
      <c r="D33" s="19">
        <v>28</v>
      </c>
      <c r="E33" s="19">
        <v>39</v>
      </c>
      <c r="F33" s="19"/>
      <c r="G33" s="18" t="s">
        <v>64</v>
      </c>
      <c r="H33" s="17"/>
      <c r="I33" s="13">
        <v>135</v>
      </c>
      <c r="J33" s="19">
        <v>71</v>
      </c>
      <c r="K33" s="19">
        <v>64</v>
      </c>
    </row>
    <row r="34" spans="1:11" ht="15" customHeight="1">
      <c r="A34" s="17" t="s">
        <v>65</v>
      </c>
      <c r="B34" s="17"/>
      <c r="C34" s="13">
        <v>72</v>
      </c>
      <c r="D34" s="19">
        <v>43</v>
      </c>
      <c r="E34" s="19">
        <v>29</v>
      </c>
      <c r="F34" s="19"/>
      <c r="G34" s="18" t="s">
        <v>66</v>
      </c>
      <c r="H34" s="17"/>
      <c r="I34" s="13">
        <v>140</v>
      </c>
      <c r="J34" s="19">
        <v>73</v>
      </c>
      <c r="K34" s="19">
        <v>67</v>
      </c>
    </row>
    <row r="35" spans="1:11" ht="20.100000000000001" customHeight="1">
      <c r="A35" s="17" t="s">
        <v>67</v>
      </c>
      <c r="B35" s="17"/>
      <c r="C35" s="13">
        <v>303</v>
      </c>
      <c r="D35" s="14">
        <v>165</v>
      </c>
      <c r="E35" s="14">
        <v>138</v>
      </c>
      <c r="F35" s="14"/>
      <c r="G35" s="18" t="s">
        <v>68</v>
      </c>
      <c r="H35" s="17"/>
      <c r="I35" s="13">
        <v>693</v>
      </c>
      <c r="J35" s="14">
        <v>318</v>
      </c>
      <c r="K35" s="14">
        <v>375</v>
      </c>
    </row>
    <row r="36" spans="1:11" ht="15" customHeight="1">
      <c r="A36" s="17" t="s">
        <v>69</v>
      </c>
      <c r="B36" s="17"/>
      <c r="C36" s="13">
        <v>74</v>
      </c>
      <c r="D36" s="19">
        <v>42</v>
      </c>
      <c r="E36" s="19">
        <v>32</v>
      </c>
      <c r="F36" s="19"/>
      <c r="G36" s="18" t="s">
        <v>70</v>
      </c>
      <c r="H36" s="17"/>
      <c r="I36" s="13">
        <v>150</v>
      </c>
      <c r="J36" s="19">
        <v>86</v>
      </c>
      <c r="K36" s="19">
        <v>64</v>
      </c>
    </row>
    <row r="37" spans="1:11" ht="15" customHeight="1">
      <c r="A37" s="17" t="s">
        <v>71</v>
      </c>
      <c r="B37" s="17"/>
      <c r="C37" s="13">
        <v>67</v>
      </c>
      <c r="D37" s="19">
        <v>43</v>
      </c>
      <c r="E37" s="19">
        <v>24</v>
      </c>
      <c r="F37" s="19"/>
      <c r="G37" s="18" t="s">
        <v>72</v>
      </c>
      <c r="H37" s="17"/>
      <c r="I37" s="13">
        <v>135</v>
      </c>
      <c r="J37" s="19">
        <v>63</v>
      </c>
      <c r="K37" s="19">
        <v>72</v>
      </c>
    </row>
    <row r="38" spans="1:11" ht="15" customHeight="1">
      <c r="A38" s="17" t="s">
        <v>73</v>
      </c>
      <c r="B38" s="17"/>
      <c r="C38" s="13">
        <v>66</v>
      </c>
      <c r="D38" s="19">
        <v>33</v>
      </c>
      <c r="E38" s="19">
        <v>33</v>
      </c>
      <c r="F38" s="19"/>
      <c r="G38" s="18" t="s">
        <v>74</v>
      </c>
      <c r="H38" s="17"/>
      <c r="I38" s="13">
        <v>145</v>
      </c>
      <c r="J38" s="19">
        <v>62</v>
      </c>
      <c r="K38" s="19">
        <v>83</v>
      </c>
    </row>
    <row r="39" spans="1:11" ht="15" customHeight="1">
      <c r="A39" s="17" t="s">
        <v>75</v>
      </c>
      <c r="B39" s="17"/>
      <c r="C39" s="13">
        <v>40</v>
      </c>
      <c r="D39" s="19">
        <v>16</v>
      </c>
      <c r="E39" s="19">
        <v>24</v>
      </c>
      <c r="F39" s="19"/>
      <c r="G39" s="18" t="s">
        <v>76</v>
      </c>
      <c r="H39" s="17"/>
      <c r="I39" s="13">
        <v>146</v>
      </c>
      <c r="J39" s="19">
        <v>58</v>
      </c>
      <c r="K39" s="19">
        <v>88</v>
      </c>
    </row>
    <row r="40" spans="1:11" ht="15" customHeight="1">
      <c r="A40" s="17" t="s">
        <v>77</v>
      </c>
      <c r="B40" s="17"/>
      <c r="C40" s="13">
        <v>56</v>
      </c>
      <c r="D40" s="19">
        <v>31</v>
      </c>
      <c r="E40" s="19">
        <v>25</v>
      </c>
      <c r="F40" s="19"/>
      <c r="G40" s="18" t="s">
        <v>78</v>
      </c>
      <c r="H40" s="17"/>
      <c r="I40" s="13">
        <v>117</v>
      </c>
      <c r="J40" s="19">
        <v>49</v>
      </c>
      <c r="K40" s="19">
        <v>68</v>
      </c>
    </row>
    <row r="41" spans="1:11" ht="20.100000000000001" customHeight="1">
      <c r="A41" s="17" t="s">
        <v>79</v>
      </c>
      <c r="B41" s="17"/>
      <c r="C41" s="13">
        <v>355</v>
      </c>
      <c r="D41" s="14">
        <v>186</v>
      </c>
      <c r="E41" s="14">
        <v>169</v>
      </c>
      <c r="F41" s="14"/>
      <c r="G41" s="18" t="s">
        <v>80</v>
      </c>
      <c r="H41" s="17"/>
      <c r="I41" s="13">
        <v>558</v>
      </c>
      <c r="J41" s="14">
        <v>235</v>
      </c>
      <c r="K41" s="14">
        <v>323</v>
      </c>
    </row>
    <row r="42" spans="1:11" ht="15" customHeight="1">
      <c r="A42" s="17" t="s">
        <v>81</v>
      </c>
      <c r="B42" s="17"/>
      <c r="C42" s="13">
        <v>78</v>
      </c>
      <c r="D42" s="19">
        <v>39</v>
      </c>
      <c r="E42" s="19">
        <v>39</v>
      </c>
      <c r="F42" s="19"/>
      <c r="G42" s="18" t="s">
        <v>82</v>
      </c>
      <c r="H42" s="17"/>
      <c r="I42" s="13">
        <v>112</v>
      </c>
      <c r="J42" s="19">
        <v>47</v>
      </c>
      <c r="K42" s="19">
        <v>65</v>
      </c>
    </row>
    <row r="43" spans="1:11" ht="15" customHeight="1">
      <c r="A43" s="17" t="s">
        <v>83</v>
      </c>
      <c r="B43" s="17"/>
      <c r="C43" s="13">
        <v>67</v>
      </c>
      <c r="D43" s="19">
        <v>36</v>
      </c>
      <c r="E43" s="19">
        <v>31</v>
      </c>
      <c r="F43" s="19"/>
      <c r="G43" s="18" t="s">
        <v>84</v>
      </c>
      <c r="H43" s="17"/>
      <c r="I43" s="13">
        <v>112</v>
      </c>
      <c r="J43" s="19">
        <v>47</v>
      </c>
      <c r="K43" s="19">
        <v>65</v>
      </c>
    </row>
    <row r="44" spans="1:11" ht="15" customHeight="1">
      <c r="A44" s="17" t="s">
        <v>85</v>
      </c>
      <c r="B44" s="17"/>
      <c r="C44" s="13">
        <v>71</v>
      </c>
      <c r="D44" s="19">
        <v>35</v>
      </c>
      <c r="E44" s="19">
        <v>36</v>
      </c>
      <c r="F44" s="19"/>
      <c r="G44" s="18" t="s">
        <v>86</v>
      </c>
      <c r="H44" s="17"/>
      <c r="I44" s="13">
        <v>119</v>
      </c>
      <c r="J44" s="19">
        <v>56</v>
      </c>
      <c r="K44" s="19">
        <v>63</v>
      </c>
    </row>
    <row r="45" spans="1:11" ht="15" customHeight="1">
      <c r="A45" s="17" t="s">
        <v>87</v>
      </c>
      <c r="B45" s="17"/>
      <c r="C45" s="13">
        <v>66</v>
      </c>
      <c r="D45" s="19">
        <v>37</v>
      </c>
      <c r="E45" s="19">
        <v>29</v>
      </c>
      <c r="F45" s="19"/>
      <c r="G45" s="18" t="s">
        <v>88</v>
      </c>
      <c r="H45" s="17"/>
      <c r="I45" s="13">
        <v>121</v>
      </c>
      <c r="J45" s="19">
        <v>46</v>
      </c>
      <c r="K45" s="19">
        <v>75</v>
      </c>
    </row>
    <row r="46" spans="1:11" ht="15" customHeight="1">
      <c r="A46" s="17" t="s">
        <v>89</v>
      </c>
      <c r="B46" s="17"/>
      <c r="C46" s="13">
        <v>73</v>
      </c>
      <c r="D46" s="19">
        <v>39</v>
      </c>
      <c r="E46" s="19">
        <v>34</v>
      </c>
      <c r="F46" s="19"/>
      <c r="G46" s="18" t="s">
        <v>90</v>
      </c>
      <c r="H46" s="17"/>
      <c r="I46" s="13">
        <v>94</v>
      </c>
      <c r="J46" s="19">
        <v>39</v>
      </c>
      <c r="K46" s="19">
        <v>55</v>
      </c>
    </row>
    <row r="47" spans="1:11" ht="20.100000000000001" customHeight="1">
      <c r="A47" s="17" t="s">
        <v>91</v>
      </c>
      <c r="B47" s="17"/>
      <c r="C47" s="13">
        <v>438</v>
      </c>
      <c r="D47" s="14">
        <v>233</v>
      </c>
      <c r="E47" s="14">
        <v>205</v>
      </c>
      <c r="F47" s="14"/>
      <c r="G47" s="18" t="s">
        <v>92</v>
      </c>
      <c r="H47" s="17"/>
      <c r="I47" s="13">
        <v>401</v>
      </c>
      <c r="J47" s="14">
        <v>135</v>
      </c>
      <c r="K47" s="14">
        <v>266</v>
      </c>
    </row>
    <row r="48" spans="1:11" ht="15" customHeight="1">
      <c r="A48" s="17" t="s">
        <v>93</v>
      </c>
      <c r="B48" s="17"/>
      <c r="C48" s="13">
        <v>91</v>
      </c>
      <c r="D48" s="19">
        <v>51</v>
      </c>
      <c r="E48" s="19">
        <v>40</v>
      </c>
      <c r="F48" s="19"/>
      <c r="G48" s="18" t="s">
        <v>94</v>
      </c>
      <c r="H48" s="17"/>
      <c r="I48" s="13">
        <v>96</v>
      </c>
      <c r="J48" s="19">
        <v>37</v>
      </c>
      <c r="K48" s="19">
        <v>59</v>
      </c>
    </row>
    <row r="49" spans="1:11" ht="15" customHeight="1">
      <c r="A49" s="17" t="s">
        <v>95</v>
      </c>
      <c r="B49" s="17"/>
      <c r="C49" s="13">
        <v>79</v>
      </c>
      <c r="D49" s="19">
        <v>45</v>
      </c>
      <c r="E49" s="19">
        <v>34</v>
      </c>
      <c r="F49" s="19"/>
      <c r="G49" s="18" t="s">
        <v>96</v>
      </c>
      <c r="H49" s="17"/>
      <c r="I49" s="13">
        <v>91</v>
      </c>
      <c r="J49" s="19">
        <v>32</v>
      </c>
      <c r="K49" s="19">
        <v>59</v>
      </c>
    </row>
    <row r="50" spans="1:11" ht="15" customHeight="1">
      <c r="A50" s="17" t="s">
        <v>97</v>
      </c>
      <c r="B50" s="17"/>
      <c r="C50" s="13">
        <v>91</v>
      </c>
      <c r="D50" s="19">
        <v>42</v>
      </c>
      <c r="E50" s="19">
        <v>49</v>
      </c>
      <c r="F50" s="19"/>
      <c r="G50" s="18" t="s">
        <v>98</v>
      </c>
      <c r="H50" s="17"/>
      <c r="I50" s="13">
        <v>93</v>
      </c>
      <c r="J50" s="19">
        <v>22</v>
      </c>
      <c r="K50" s="19">
        <v>71</v>
      </c>
    </row>
    <row r="51" spans="1:11" ht="15" customHeight="1">
      <c r="A51" s="17" t="s">
        <v>99</v>
      </c>
      <c r="B51" s="17"/>
      <c r="C51" s="13">
        <v>91</v>
      </c>
      <c r="D51" s="19">
        <v>47</v>
      </c>
      <c r="E51" s="19">
        <v>44</v>
      </c>
      <c r="F51" s="19"/>
      <c r="G51" s="18" t="s">
        <v>100</v>
      </c>
      <c r="H51" s="17"/>
      <c r="I51" s="13">
        <v>74</v>
      </c>
      <c r="J51" s="19">
        <v>27</v>
      </c>
      <c r="K51" s="19">
        <v>47</v>
      </c>
    </row>
    <row r="52" spans="1:11" ht="15" customHeight="1">
      <c r="A52" s="17" t="s">
        <v>101</v>
      </c>
      <c r="B52" s="17"/>
      <c r="C52" s="13">
        <v>86</v>
      </c>
      <c r="D52" s="19">
        <v>48</v>
      </c>
      <c r="E52" s="19">
        <v>38</v>
      </c>
      <c r="F52" s="19"/>
      <c r="G52" s="18" t="s">
        <v>102</v>
      </c>
      <c r="H52" s="17"/>
      <c r="I52" s="13">
        <v>47</v>
      </c>
      <c r="J52" s="19">
        <v>17</v>
      </c>
      <c r="K52" s="19">
        <v>30</v>
      </c>
    </row>
    <row r="53" spans="1:11" ht="20.100000000000001" customHeight="1">
      <c r="A53" s="17" t="s">
        <v>103</v>
      </c>
      <c r="B53" s="17"/>
      <c r="C53" s="13">
        <v>547</v>
      </c>
      <c r="D53" s="14">
        <v>296</v>
      </c>
      <c r="E53" s="14">
        <v>251</v>
      </c>
      <c r="F53" s="14"/>
      <c r="G53" s="18" t="s">
        <v>104</v>
      </c>
      <c r="H53" s="17"/>
      <c r="I53" s="13">
        <v>182</v>
      </c>
      <c r="J53" s="14">
        <v>45</v>
      </c>
      <c r="K53" s="14">
        <v>137</v>
      </c>
    </row>
    <row r="54" spans="1:11" ht="15" customHeight="1">
      <c r="A54" s="17" t="s">
        <v>105</v>
      </c>
      <c r="B54" s="17"/>
      <c r="C54" s="13">
        <v>102</v>
      </c>
      <c r="D54" s="19">
        <v>58</v>
      </c>
      <c r="E54" s="19">
        <v>44</v>
      </c>
      <c r="F54" s="19"/>
      <c r="G54" s="18" t="s">
        <v>106</v>
      </c>
      <c r="H54" s="17"/>
      <c r="I54" s="13">
        <v>47</v>
      </c>
      <c r="J54" s="19">
        <v>13</v>
      </c>
      <c r="K54" s="19">
        <v>34</v>
      </c>
    </row>
    <row r="55" spans="1:11" ht="15" customHeight="1">
      <c r="A55" s="17" t="s">
        <v>107</v>
      </c>
      <c r="B55" s="17"/>
      <c r="C55" s="13">
        <v>117</v>
      </c>
      <c r="D55" s="19">
        <v>63</v>
      </c>
      <c r="E55" s="19">
        <v>54</v>
      </c>
      <c r="F55" s="19"/>
      <c r="G55" s="18" t="s">
        <v>108</v>
      </c>
      <c r="H55" s="17"/>
      <c r="I55" s="13">
        <v>43</v>
      </c>
      <c r="J55" s="19">
        <v>12</v>
      </c>
      <c r="K55" s="19">
        <v>31</v>
      </c>
    </row>
    <row r="56" spans="1:11" ht="15" customHeight="1">
      <c r="A56" s="17" t="s">
        <v>109</v>
      </c>
      <c r="B56" s="17"/>
      <c r="C56" s="13">
        <v>108</v>
      </c>
      <c r="D56" s="19">
        <v>59</v>
      </c>
      <c r="E56" s="19">
        <v>49</v>
      </c>
      <c r="F56" s="19"/>
      <c r="G56" s="18" t="s">
        <v>110</v>
      </c>
      <c r="H56" s="17"/>
      <c r="I56" s="13">
        <v>44</v>
      </c>
      <c r="J56" s="19">
        <v>12</v>
      </c>
      <c r="K56" s="19">
        <v>32</v>
      </c>
    </row>
    <row r="57" spans="1:11" ht="15" customHeight="1">
      <c r="A57" s="17" t="s">
        <v>111</v>
      </c>
      <c r="B57" s="17"/>
      <c r="C57" s="13">
        <v>100</v>
      </c>
      <c r="D57" s="19">
        <v>47</v>
      </c>
      <c r="E57" s="19">
        <v>53</v>
      </c>
      <c r="F57" s="19"/>
      <c r="G57" s="18" t="s">
        <v>112</v>
      </c>
      <c r="H57" s="17"/>
      <c r="I57" s="13">
        <v>23</v>
      </c>
      <c r="J57" s="19">
        <v>5</v>
      </c>
      <c r="K57" s="19">
        <v>18</v>
      </c>
    </row>
    <row r="58" spans="1:11" ht="15" customHeight="1">
      <c r="A58" s="17" t="s">
        <v>113</v>
      </c>
      <c r="B58" s="17"/>
      <c r="C58" s="13">
        <v>120</v>
      </c>
      <c r="D58" s="19">
        <v>69</v>
      </c>
      <c r="E58" s="19">
        <v>51</v>
      </c>
      <c r="F58" s="19"/>
      <c r="G58" s="18" t="s">
        <v>114</v>
      </c>
      <c r="H58" s="17"/>
      <c r="I58" s="13">
        <v>25</v>
      </c>
      <c r="J58" s="19">
        <v>3</v>
      </c>
      <c r="K58" s="19">
        <v>22</v>
      </c>
    </row>
    <row r="59" spans="1:11" ht="20.100000000000001" customHeight="1">
      <c r="A59" s="17" t="s">
        <v>115</v>
      </c>
      <c r="B59" s="17"/>
      <c r="C59" s="13">
        <v>580</v>
      </c>
      <c r="D59" s="14">
        <v>287</v>
      </c>
      <c r="E59" s="14">
        <v>293</v>
      </c>
      <c r="F59" s="14"/>
      <c r="G59" s="18" t="s">
        <v>116</v>
      </c>
      <c r="H59" s="17"/>
      <c r="I59" s="13">
        <v>48</v>
      </c>
      <c r="J59" s="14">
        <v>24</v>
      </c>
      <c r="K59" s="14">
        <v>24</v>
      </c>
    </row>
    <row r="60" spans="1:11" ht="15" customHeight="1">
      <c r="A60" s="17" t="s">
        <v>117</v>
      </c>
      <c r="B60" s="17"/>
      <c r="C60" s="13">
        <v>130</v>
      </c>
      <c r="D60" s="19">
        <v>62</v>
      </c>
      <c r="E60" s="19">
        <v>68</v>
      </c>
      <c r="F60" s="19"/>
      <c r="G60" s="18" t="s">
        <v>118</v>
      </c>
      <c r="H60" s="17"/>
      <c r="I60" s="13">
        <v>20</v>
      </c>
      <c r="J60" s="19">
        <v>10</v>
      </c>
      <c r="K60" s="19">
        <v>10</v>
      </c>
    </row>
    <row r="61" spans="1:11" ht="15" customHeight="1">
      <c r="A61" s="17" t="s">
        <v>119</v>
      </c>
      <c r="B61" s="17"/>
      <c r="C61" s="13">
        <v>103</v>
      </c>
      <c r="D61" s="19">
        <v>48</v>
      </c>
      <c r="E61" s="19">
        <v>55</v>
      </c>
      <c r="F61" s="19"/>
      <c r="G61" s="18" t="s">
        <v>120</v>
      </c>
      <c r="H61" s="17"/>
      <c r="I61" s="13">
        <v>12</v>
      </c>
      <c r="J61" s="19">
        <v>4</v>
      </c>
      <c r="K61" s="19">
        <v>8</v>
      </c>
    </row>
    <row r="62" spans="1:11" ht="15" customHeight="1">
      <c r="A62" s="17" t="s">
        <v>121</v>
      </c>
      <c r="B62" s="17"/>
      <c r="C62" s="13">
        <v>99</v>
      </c>
      <c r="D62" s="19">
        <v>53</v>
      </c>
      <c r="E62" s="19">
        <v>46</v>
      </c>
      <c r="F62" s="19"/>
      <c r="G62" s="18" t="s">
        <v>122</v>
      </c>
      <c r="H62" s="17"/>
      <c r="I62" s="13">
        <v>6</v>
      </c>
      <c r="J62" s="19">
        <v>5</v>
      </c>
      <c r="K62" s="19">
        <v>1</v>
      </c>
    </row>
    <row r="63" spans="1:11" ht="15" customHeight="1">
      <c r="A63" s="17" t="s">
        <v>123</v>
      </c>
      <c r="B63" s="17"/>
      <c r="C63" s="13">
        <v>134</v>
      </c>
      <c r="D63" s="19">
        <v>65</v>
      </c>
      <c r="E63" s="19">
        <v>69</v>
      </c>
      <c r="F63" s="19"/>
      <c r="G63" s="18" t="s">
        <v>124</v>
      </c>
      <c r="H63" s="17"/>
      <c r="I63" s="13">
        <v>9</v>
      </c>
      <c r="J63" s="19">
        <v>4</v>
      </c>
      <c r="K63" s="19">
        <v>5</v>
      </c>
    </row>
    <row r="64" spans="1:11" ht="15" customHeight="1">
      <c r="A64" s="17" t="s">
        <v>125</v>
      </c>
      <c r="B64" s="17"/>
      <c r="C64" s="13">
        <v>114</v>
      </c>
      <c r="D64" s="19">
        <v>59</v>
      </c>
      <c r="E64" s="19">
        <v>55</v>
      </c>
      <c r="F64" s="19"/>
      <c r="G64" s="18" t="s">
        <v>126</v>
      </c>
      <c r="H64" s="17"/>
      <c r="I64" s="13">
        <v>1</v>
      </c>
      <c r="J64" s="19">
        <v>1</v>
      </c>
      <c r="K64" s="19">
        <v>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</v>
      </c>
      <c r="J65" s="19">
        <v>1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0</v>
      </c>
      <c r="J66" s="29">
        <v>0</v>
      </c>
      <c r="K66" s="29">
        <v>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2" pageOrder="overThenDown" orientation="portrait" blackAndWhite="1" useFirstPageNumber="1" horizontalDpi="300" verticalDpi="300"/>
  <headerFooter scaleWithDoc="0"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820</v>
      </c>
      <c r="D4" s="14">
        <v>8667</v>
      </c>
      <c r="E4" s="14">
        <v>915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42</v>
      </c>
      <c r="D5" s="14">
        <v>430</v>
      </c>
      <c r="E5" s="14">
        <v>412</v>
      </c>
      <c r="F5" s="14"/>
      <c r="G5" s="18" t="s">
        <v>8</v>
      </c>
      <c r="H5" s="17"/>
      <c r="I5" s="13">
        <v>1232</v>
      </c>
      <c r="J5" s="14">
        <v>632</v>
      </c>
      <c r="K5" s="14">
        <v>600</v>
      </c>
    </row>
    <row r="6" spans="1:11" ht="15" customHeight="1">
      <c r="A6" s="17" t="s">
        <v>9</v>
      </c>
      <c r="B6" s="17"/>
      <c r="C6" s="13">
        <v>147</v>
      </c>
      <c r="D6" s="19">
        <v>69</v>
      </c>
      <c r="E6" s="19">
        <v>78</v>
      </c>
      <c r="F6" s="19"/>
      <c r="G6" s="18" t="s">
        <v>10</v>
      </c>
      <c r="H6" s="17"/>
      <c r="I6" s="13">
        <v>269</v>
      </c>
      <c r="J6" s="19">
        <v>152</v>
      </c>
      <c r="K6" s="19">
        <v>117</v>
      </c>
    </row>
    <row r="7" spans="1:11" ht="15" customHeight="1">
      <c r="A7" s="17" t="s">
        <v>11</v>
      </c>
      <c r="B7" s="17"/>
      <c r="C7" s="13">
        <v>186</v>
      </c>
      <c r="D7" s="19">
        <v>104</v>
      </c>
      <c r="E7" s="19">
        <v>82</v>
      </c>
      <c r="F7" s="19"/>
      <c r="G7" s="18" t="s">
        <v>12</v>
      </c>
      <c r="H7" s="17"/>
      <c r="I7" s="13">
        <v>293</v>
      </c>
      <c r="J7" s="19">
        <v>146</v>
      </c>
      <c r="K7" s="19">
        <v>147</v>
      </c>
    </row>
    <row r="8" spans="1:11" ht="15" customHeight="1">
      <c r="A8" s="17" t="s">
        <v>13</v>
      </c>
      <c r="B8" s="17"/>
      <c r="C8" s="13">
        <v>152</v>
      </c>
      <c r="D8" s="19">
        <v>74</v>
      </c>
      <c r="E8" s="19">
        <v>78</v>
      </c>
      <c r="F8" s="19"/>
      <c r="G8" s="18" t="s">
        <v>14</v>
      </c>
      <c r="H8" s="17"/>
      <c r="I8" s="13">
        <v>190</v>
      </c>
      <c r="J8" s="19">
        <v>99</v>
      </c>
      <c r="K8" s="19">
        <v>91</v>
      </c>
    </row>
    <row r="9" spans="1:11" ht="15" customHeight="1">
      <c r="A9" s="17" t="s">
        <v>15</v>
      </c>
      <c r="B9" s="17"/>
      <c r="C9" s="13">
        <v>176</v>
      </c>
      <c r="D9" s="19">
        <v>91</v>
      </c>
      <c r="E9" s="19">
        <v>85</v>
      </c>
      <c r="F9" s="19"/>
      <c r="G9" s="18" t="s">
        <v>16</v>
      </c>
      <c r="H9" s="17"/>
      <c r="I9" s="13">
        <v>251</v>
      </c>
      <c r="J9" s="19">
        <v>122</v>
      </c>
      <c r="K9" s="19">
        <v>129</v>
      </c>
    </row>
    <row r="10" spans="1:11" ht="15" customHeight="1">
      <c r="A10" s="17" t="s">
        <v>17</v>
      </c>
      <c r="B10" s="17"/>
      <c r="C10" s="13">
        <v>181</v>
      </c>
      <c r="D10" s="19">
        <v>92</v>
      </c>
      <c r="E10" s="19">
        <v>89</v>
      </c>
      <c r="F10" s="19"/>
      <c r="G10" s="18" t="s">
        <v>18</v>
      </c>
      <c r="H10" s="17"/>
      <c r="I10" s="13">
        <v>229</v>
      </c>
      <c r="J10" s="19">
        <v>113</v>
      </c>
      <c r="K10" s="19">
        <v>116</v>
      </c>
    </row>
    <row r="11" spans="1:11" ht="20.100000000000001" customHeight="1">
      <c r="A11" s="17" t="s">
        <v>19</v>
      </c>
      <c r="B11" s="17"/>
      <c r="C11" s="13">
        <v>918</v>
      </c>
      <c r="D11" s="14">
        <v>469</v>
      </c>
      <c r="E11" s="14">
        <v>449</v>
      </c>
      <c r="F11" s="14"/>
      <c r="G11" s="18" t="s">
        <v>20</v>
      </c>
      <c r="H11" s="17"/>
      <c r="I11" s="13">
        <v>913</v>
      </c>
      <c r="J11" s="14">
        <v>476</v>
      </c>
      <c r="K11" s="14">
        <v>437</v>
      </c>
    </row>
    <row r="12" spans="1:11" ht="15" customHeight="1">
      <c r="A12" s="17" t="s">
        <v>21</v>
      </c>
      <c r="B12" s="17"/>
      <c r="C12" s="13">
        <v>198</v>
      </c>
      <c r="D12" s="19">
        <v>103</v>
      </c>
      <c r="E12" s="19">
        <v>95</v>
      </c>
      <c r="F12" s="19"/>
      <c r="G12" s="18" t="s">
        <v>22</v>
      </c>
      <c r="H12" s="17"/>
      <c r="I12" s="13">
        <v>216</v>
      </c>
      <c r="J12" s="19">
        <v>108</v>
      </c>
      <c r="K12" s="19">
        <v>108</v>
      </c>
    </row>
    <row r="13" spans="1:11" ht="15" customHeight="1">
      <c r="A13" s="17" t="s">
        <v>23</v>
      </c>
      <c r="B13" s="17"/>
      <c r="C13" s="13">
        <v>171</v>
      </c>
      <c r="D13" s="19">
        <v>97</v>
      </c>
      <c r="E13" s="19">
        <v>74</v>
      </c>
      <c r="F13" s="19"/>
      <c r="G13" s="18" t="s">
        <v>24</v>
      </c>
      <c r="H13" s="17"/>
      <c r="I13" s="13">
        <v>200</v>
      </c>
      <c r="J13" s="19">
        <v>104</v>
      </c>
      <c r="K13" s="19">
        <v>96</v>
      </c>
    </row>
    <row r="14" spans="1:11" ht="15" customHeight="1">
      <c r="A14" s="17" t="s">
        <v>25</v>
      </c>
      <c r="B14" s="17"/>
      <c r="C14" s="13">
        <v>191</v>
      </c>
      <c r="D14" s="19">
        <v>88</v>
      </c>
      <c r="E14" s="19">
        <v>103</v>
      </c>
      <c r="F14" s="19"/>
      <c r="G14" s="18" t="s">
        <v>26</v>
      </c>
      <c r="H14" s="17"/>
      <c r="I14" s="13">
        <v>187</v>
      </c>
      <c r="J14" s="19">
        <v>100</v>
      </c>
      <c r="K14" s="19">
        <v>87</v>
      </c>
    </row>
    <row r="15" spans="1:11" ht="15" customHeight="1">
      <c r="A15" s="17" t="s">
        <v>27</v>
      </c>
      <c r="B15" s="17"/>
      <c r="C15" s="13">
        <v>181</v>
      </c>
      <c r="D15" s="19">
        <v>96</v>
      </c>
      <c r="E15" s="19">
        <v>85</v>
      </c>
      <c r="F15" s="19"/>
      <c r="G15" s="18" t="s">
        <v>28</v>
      </c>
      <c r="H15" s="17"/>
      <c r="I15" s="13">
        <v>151</v>
      </c>
      <c r="J15" s="19">
        <v>77</v>
      </c>
      <c r="K15" s="19">
        <v>74</v>
      </c>
    </row>
    <row r="16" spans="1:11" ht="15" customHeight="1">
      <c r="A16" s="17" t="s">
        <v>29</v>
      </c>
      <c r="B16" s="17"/>
      <c r="C16" s="13">
        <v>177</v>
      </c>
      <c r="D16" s="19">
        <v>85</v>
      </c>
      <c r="E16" s="19">
        <v>92</v>
      </c>
      <c r="F16" s="19"/>
      <c r="G16" s="18" t="s">
        <v>30</v>
      </c>
      <c r="H16" s="17"/>
      <c r="I16" s="13">
        <v>159</v>
      </c>
      <c r="J16" s="19">
        <v>87</v>
      </c>
      <c r="K16" s="19">
        <v>72</v>
      </c>
    </row>
    <row r="17" spans="1:11" ht="20.100000000000001" customHeight="1">
      <c r="A17" s="20" t="s">
        <v>31</v>
      </c>
      <c r="B17" s="20"/>
      <c r="C17" s="13">
        <v>935</v>
      </c>
      <c r="D17" s="14">
        <v>465</v>
      </c>
      <c r="E17" s="14">
        <v>470</v>
      </c>
      <c r="F17" s="14"/>
      <c r="G17" s="18" t="s">
        <v>32</v>
      </c>
      <c r="H17" s="17"/>
      <c r="I17" s="13">
        <v>921</v>
      </c>
      <c r="J17" s="14">
        <v>436</v>
      </c>
      <c r="K17" s="14">
        <v>485</v>
      </c>
    </row>
    <row r="18" spans="1:11" ht="15" customHeight="1">
      <c r="A18" s="17" t="s">
        <v>33</v>
      </c>
      <c r="B18" s="17"/>
      <c r="C18" s="13">
        <v>188</v>
      </c>
      <c r="D18" s="19">
        <v>96</v>
      </c>
      <c r="E18" s="19">
        <v>92</v>
      </c>
      <c r="F18" s="19"/>
      <c r="G18" s="18" t="s">
        <v>34</v>
      </c>
      <c r="H18" s="17"/>
      <c r="I18" s="13">
        <v>185</v>
      </c>
      <c r="J18" s="19">
        <v>96</v>
      </c>
      <c r="K18" s="19">
        <v>89</v>
      </c>
    </row>
    <row r="19" spans="1:11" ht="15" customHeight="1">
      <c r="A19" s="17" t="s">
        <v>35</v>
      </c>
      <c r="B19" s="17"/>
      <c r="C19" s="13">
        <v>181</v>
      </c>
      <c r="D19" s="19">
        <v>105</v>
      </c>
      <c r="E19" s="19">
        <v>76</v>
      </c>
      <c r="F19" s="19"/>
      <c r="G19" s="18" t="s">
        <v>36</v>
      </c>
      <c r="H19" s="17"/>
      <c r="I19" s="13">
        <v>207</v>
      </c>
      <c r="J19" s="19">
        <v>94</v>
      </c>
      <c r="K19" s="19">
        <v>113</v>
      </c>
    </row>
    <row r="20" spans="1:11" ht="15" customHeight="1">
      <c r="A20" s="17" t="s">
        <v>37</v>
      </c>
      <c r="B20" s="17"/>
      <c r="C20" s="13">
        <v>178</v>
      </c>
      <c r="D20" s="19">
        <v>80</v>
      </c>
      <c r="E20" s="19">
        <v>98</v>
      </c>
      <c r="F20" s="19"/>
      <c r="G20" s="18" t="s">
        <v>38</v>
      </c>
      <c r="H20" s="17"/>
      <c r="I20" s="13">
        <v>170</v>
      </c>
      <c r="J20" s="19">
        <v>85</v>
      </c>
      <c r="K20" s="19">
        <v>85</v>
      </c>
    </row>
    <row r="21" spans="1:11" ht="15" customHeight="1">
      <c r="A21" s="17" t="s">
        <v>39</v>
      </c>
      <c r="B21" s="17"/>
      <c r="C21" s="13">
        <v>201</v>
      </c>
      <c r="D21" s="19">
        <v>100</v>
      </c>
      <c r="E21" s="19">
        <v>101</v>
      </c>
      <c r="F21" s="19"/>
      <c r="G21" s="18" t="s">
        <v>40</v>
      </c>
      <c r="H21" s="17"/>
      <c r="I21" s="13">
        <v>177</v>
      </c>
      <c r="J21" s="19">
        <v>77</v>
      </c>
      <c r="K21" s="19">
        <v>100</v>
      </c>
    </row>
    <row r="22" spans="1:11" ht="15" customHeight="1">
      <c r="A22" s="17" t="s">
        <v>41</v>
      </c>
      <c r="B22" s="17"/>
      <c r="C22" s="13">
        <v>187</v>
      </c>
      <c r="D22" s="19">
        <v>84</v>
      </c>
      <c r="E22" s="19">
        <v>103</v>
      </c>
      <c r="F22" s="19"/>
      <c r="G22" s="18" t="s">
        <v>42</v>
      </c>
      <c r="H22" s="17"/>
      <c r="I22" s="13">
        <v>182</v>
      </c>
      <c r="J22" s="19">
        <v>84</v>
      </c>
      <c r="K22" s="19">
        <v>98</v>
      </c>
    </row>
    <row r="23" spans="1:11" ht="20.100000000000001" customHeight="1">
      <c r="A23" s="17" t="s">
        <v>43</v>
      </c>
      <c r="B23" s="17"/>
      <c r="C23" s="13">
        <v>923</v>
      </c>
      <c r="D23" s="14">
        <v>468</v>
      </c>
      <c r="E23" s="14">
        <v>455</v>
      </c>
      <c r="F23" s="14"/>
      <c r="G23" s="18" t="s">
        <v>44</v>
      </c>
      <c r="H23" s="17"/>
      <c r="I23" s="13">
        <v>1142</v>
      </c>
      <c r="J23" s="14">
        <v>546</v>
      </c>
      <c r="K23" s="14">
        <v>596</v>
      </c>
    </row>
    <row r="24" spans="1:11" ht="15" customHeight="1">
      <c r="A24" s="17" t="s">
        <v>45</v>
      </c>
      <c r="B24" s="17"/>
      <c r="C24" s="13">
        <v>182</v>
      </c>
      <c r="D24" s="19">
        <v>87</v>
      </c>
      <c r="E24" s="19">
        <v>95</v>
      </c>
      <c r="F24" s="19"/>
      <c r="G24" s="18" t="s">
        <v>46</v>
      </c>
      <c r="H24" s="17"/>
      <c r="I24" s="13">
        <v>202</v>
      </c>
      <c r="J24" s="19">
        <v>104</v>
      </c>
      <c r="K24" s="19">
        <v>98</v>
      </c>
    </row>
    <row r="25" spans="1:11" ht="15" customHeight="1">
      <c r="A25" s="17" t="s">
        <v>47</v>
      </c>
      <c r="B25" s="17"/>
      <c r="C25" s="13">
        <v>211</v>
      </c>
      <c r="D25" s="19">
        <v>104</v>
      </c>
      <c r="E25" s="19">
        <v>107</v>
      </c>
      <c r="F25" s="19"/>
      <c r="G25" s="18" t="s">
        <v>48</v>
      </c>
      <c r="H25" s="17"/>
      <c r="I25" s="13">
        <v>241</v>
      </c>
      <c r="J25" s="19">
        <v>114</v>
      </c>
      <c r="K25" s="19">
        <v>127</v>
      </c>
    </row>
    <row r="26" spans="1:11" ht="15" customHeight="1">
      <c r="A26" s="17" t="s">
        <v>49</v>
      </c>
      <c r="B26" s="17"/>
      <c r="C26" s="13">
        <v>165</v>
      </c>
      <c r="D26" s="19">
        <v>84</v>
      </c>
      <c r="E26" s="19">
        <v>81</v>
      </c>
      <c r="F26" s="19"/>
      <c r="G26" s="18" t="s">
        <v>50</v>
      </c>
      <c r="H26" s="17"/>
      <c r="I26" s="13">
        <v>196</v>
      </c>
      <c r="J26" s="19">
        <v>87</v>
      </c>
      <c r="K26" s="19">
        <v>109</v>
      </c>
    </row>
    <row r="27" spans="1:11" ht="15" customHeight="1">
      <c r="A27" s="17" t="s">
        <v>51</v>
      </c>
      <c r="B27" s="17"/>
      <c r="C27" s="13">
        <v>190</v>
      </c>
      <c r="D27" s="19">
        <v>102</v>
      </c>
      <c r="E27" s="19">
        <v>88</v>
      </c>
      <c r="F27" s="19"/>
      <c r="G27" s="18" t="s">
        <v>52</v>
      </c>
      <c r="H27" s="17"/>
      <c r="I27" s="13">
        <v>226</v>
      </c>
      <c r="J27" s="19">
        <v>97</v>
      </c>
      <c r="K27" s="19">
        <v>129</v>
      </c>
    </row>
    <row r="28" spans="1:11" ht="15" customHeight="1">
      <c r="A28" s="17" t="s">
        <v>53</v>
      </c>
      <c r="B28" s="17"/>
      <c r="C28" s="13">
        <v>175</v>
      </c>
      <c r="D28" s="19">
        <v>91</v>
      </c>
      <c r="E28" s="19">
        <v>84</v>
      </c>
      <c r="F28" s="19"/>
      <c r="G28" s="18" t="s">
        <v>54</v>
      </c>
      <c r="H28" s="17"/>
      <c r="I28" s="13">
        <v>277</v>
      </c>
      <c r="J28" s="19">
        <v>144</v>
      </c>
      <c r="K28" s="19">
        <v>133</v>
      </c>
    </row>
    <row r="29" spans="1:11" ht="20.100000000000001" customHeight="1">
      <c r="A29" s="17" t="s">
        <v>55</v>
      </c>
      <c r="B29" s="17"/>
      <c r="C29" s="13">
        <v>770</v>
      </c>
      <c r="D29" s="14">
        <v>374</v>
      </c>
      <c r="E29" s="14">
        <v>396</v>
      </c>
      <c r="F29" s="14"/>
      <c r="G29" s="18" t="s">
        <v>56</v>
      </c>
      <c r="H29" s="17"/>
      <c r="I29" s="13">
        <v>1063</v>
      </c>
      <c r="J29" s="14">
        <v>476</v>
      </c>
      <c r="K29" s="14">
        <v>587</v>
      </c>
    </row>
    <row r="30" spans="1:11" ht="15" customHeight="1">
      <c r="A30" s="17" t="s">
        <v>57</v>
      </c>
      <c r="B30" s="17"/>
      <c r="C30" s="13">
        <v>175</v>
      </c>
      <c r="D30" s="19">
        <v>82</v>
      </c>
      <c r="E30" s="19">
        <v>93</v>
      </c>
      <c r="F30" s="19"/>
      <c r="G30" s="18" t="s">
        <v>58</v>
      </c>
      <c r="H30" s="17"/>
      <c r="I30" s="13">
        <v>250</v>
      </c>
      <c r="J30" s="19">
        <v>120</v>
      </c>
      <c r="K30" s="19">
        <v>130</v>
      </c>
    </row>
    <row r="31" spans="1:11" ht="15" customHeight="1">
      <c r="A31" s="17" t="s">
        <v>59</v>
      </c>
      <c r="B31" s="17"/>
      <c r="C31" s="13">
        <v>154</v>
      </c>
      <c r="D31" s="19">
        <v>67</v>
      </c>
      <c r="E31" s="19">
        <v>87</v>
      </c>
      <c r="F31" s="19"/>
      <c r="G31" s="18" t="s">
        <v>60</v>
      </c>
      <c r="H31" s="17"/>
      <c r="I31" s="13">
        <v>231</v>
      </c>
      <c r="J31" s="19">
        <v>105</v>
      </c>
      <c r="K31" s="19">
        <v>126</v>
      </c>
    </row>
    <row r="32" spans="1:11" ht="15" customHeight="1">
      <c r="A32" s="17" t="s">
        <v>61</v>
      </c>
      <c r="B32" s="17"/>
      <c r="C32" s="13">
        <v>177</v>
      </c>
      <c r="D32" s="19">
        <v>90</v>
      </c>
      <c r="E32" s="19">
        <v>87</v>
      </c>
      <c r="F32" s="19"/>
      <c r="G32" s="18" t="s">
        <v>62</v>
      </c>
      <c r="H32" s="17"/>
      <c r="I32" s="13">
        <v>193</v>
      </c>
      <c r="J32" s="19">
        <v>82</v>
      </c>
      <c r="K32" s="19">
        <v>111</v>
      </c>
    </row>
    <row r="33" spans="1:11" ht="15" customHeight="1">
      <c r="A33" s="17" t="s">
        <v>63</v>
      </c>
      <c r="B33" s="17"/>
      <c r="C33" s="13">
        <v>135</v>
      </c>
      <c r="D33" s="19">
        <v>69</v>
      </c>
      <c r="E33" s="19">
        <v>66</v>
      </c>
      <c r="F33" s="19"/>
      <c r="G33" s="18" t="s">
        <v>64</v>
      </c>
      <c r="H33" s="17"/>
      <c r="I33" s="13">
        <v>160</v>
      </c>
      <c r="J33" s="19">
        <v>74</v>
      </c>
      <c r="K33" s="19">
        <v>86</v>
      </c>
    </row>
    <row r="34" spans="1:11" ht="15" customHeight="1">
      <c r="A34" s="17" t="s">
        <v>65</v>
      </c>
      <c r="B34" s="17"/>
      <c r="C34" s="13">
        <v>129</v>
      </c>
      <c r="D34" s="19">
        <v>66</v>
      </c>
      <c r="E34" s="19">
        <v>63</v>
      </c>
      <c r="F34" s="19"/>
      <c r="G34" s="18" t="s">
        <v>66</v>
      </c>
      <c r="H34" s="17"/>
      <c r="I34" s="13">
        <v>229</v>
      </c>
      <c r="J34" s="19">
        <v>95</v>
      </c>
      <c r="K34" s="19">
        <v>134</v>
      </c>
    </row>
    <row r="35" spans="1:11" ht="20.100000000000001" customHeight="1">
      <c r="A35" s="17" t="s">
        <v>67</v>
      </c>
      <c r="B35" s="17"/>
      <c r="C35" s="13">
        <v>678</v>
      </c>
      <c r="D35" s="14">
        <v>346</v>
      </c>
      <c r="E35" s="14">
        <v>332</v>
      </c>
      <c r="F35" s="14"/>
      <c r="G35" s="18" t="s">
        <v>68</v>
      </c>
      <c r="H35" s="17"/>
      <c r="I35" s="13">
        <v>1019</v>
      </c>
      <c r="J35" s="14">
        <v>479</v>
      </c>
      <c r="K35" s="14">
        <v>540</v>
      </c>
    </row>
    <row r="36" spans="1:11" ht="15" customHeight="1">
      <c r="A36" s="17" t="s">
        <v>69</v>
      </c>
      <c r="B36" s="17"/>
      <c r="C36" s="13">
        <v>131</v>
      </c>
      <c r="D36" s="19">
        <v>62</v>
      </c>
      <c r="E36" s="19">
        <v>69</v>
      </c>
      <c r="F36" s="19"/>
      <c r="G36" s="18" t="s">
        <v>70</v>
      </c>
      <c r="H36" s="17"/>
      <c r="I36" s="13">
        <v>219</v>
      </c>
      <c r="J36" s="19">
        <v>99</v>
      </c>
      <c r="K36" s="19">
        <v>120</v>
      </c>
    </row>
    <row r="37" spans="1:11" ht="15" customHeight="1">
      <c r="A37" s="17" t="s">
        <v>71</v>
      </c>
      <c r="B37" s="17"/>
      <c r="C37" s="13">
        <v>135</v>
      </c>
      <c r="D37" s="19">
        <v>69</v>
      </c>
      <c r="E37" s="19">
        <v>66</v>
      </c>
      <c r="F37" s="19"/>
      <c r="G37" s="18" t="s">
        <v>72</v>
      </c>
      <c r="H37" s="17"/>
      <c r="I37" s="13">
        <v>211</v>
      </c>
      <c r="J37" s="19">
        <v>97</v>
      </c>
      <c r="K37" s="19">
        <v>114</v>
      </c>
    </row>
    <row r="38" spans="1:11" ht="15" customHeight="1">
      <c r="A38" s="17" t="s">
        <v>73</v>
      </c>
      <c r="B38" s="17"/>
      <c r="C38" s="13">
        <v>135</v>
      </c>
      <c r="D38" s="19">
        <v>75</v>
      </c>
      <c r="E38" s="19">
        <v>60</v>
      </c>
      <c r="F38" s="19"/>
      <c r="G38" s="18" t="s">
        <v>74</v>
      </c>
      <c r="H38" s="17"/>
      <c r="I38" s="13">
        <v>233</v>
      </c>
      <c r="J38" s="19">
        <v>110</v>
      </c>
      <c r="K38" s="19">
        <v>123</v>
      </c>
    </row>
    <row r="39" spans="1:11" ht="15" customHeight="1">
      <c r="A39" s="17" t="s">
        <v>75</v>
      </c>
      <c r="B39" s="17"/>
      <c r="C39" s="13">
        <v>135</v>
      </c>
      <c r="D39" s="19">
        <v>65</v>
      </c>
      <c r="E39" s="19">
        <v>70</v>
      </c>
      <c r="F39" s="19"/>
      <c r="G39" s="18" t="s">
        <v>76</v>
      </c>
      <c r="H39" s="17"/>
      <c r="I39" s="13">
        <v>210</v>
      </c>
      <c r="J39" s="19">
        <v>104</v>
      </c>
      <c r="K39" s="19">
        <v>106</v>
      </c>
    </row>
    <row r="40" spans="1:11" ht="15" customHeight="1">
      <c r="A40" s="17" t="s">
        <v>77</v>
      </c>
      <c r="B40" s="17"/>
      <c r="C40" s="13">
        <v>142</v>
      </c>
      <c r="D40" s="19">
        <v>75</v>
      </c>
      <c r="E40" s="19">
        <v>67</v>
      </c>
      <c r="F40" s="19"/>
      <c r="G40" s="18" t="s">
        <v>78</v>
      </c>
      <c r="H40" s="17"/>
      <c r="I40" s="13">
        <v>146</v>
      </c>
      <c r="J40" s="19">
        <v>69</v>
      </c>
      <c r="K40" s="19">
        <v>77</v>
      </c>
    </row>
    <row r="41" spans="1:11" ht="20.100000000000001" customHeight="1">
      <c r="A41" s="17" t="s">
        <v>79</v>
      </c>
      <c r="B41" s="17"/>
      <c r="C41" s="13">
        <v>895</v>
      </c>
      <c r="D41" s="14">
        <v>439</v>
      </c>
      <c r="E41" s="14">
        <v>456</v>
      </c>
      <c r="F41" s="14"/>
      <c r="G41" s="18" t="s">
        <v>80</v>
      </c>
      <c r="H41" s="17"/>
      <c r="I41" s="13">
        <v>635</v>
      </c>
      <c r="J41" s="14">
        <v>285</v>
      </c>
      <c r="K41" s="14">
        <v>350</v>
      </c>
    </row>
    <row r="42" spans="1:11" ht="15" customHeight="1">
      <c r="A42" s="17" t="s">
        <v>81</v>
      </c>
      <c r="B42" s="17"/>
      <c r="C42" s="13">
        <v>146</v>
      </c>
      <c r="D42" s="19">
        <v>77</v>
      </c>
      <c r="E42" s="19">
        <v>69</v>
      </c>
      <c r="F42" s="19"/>
      <c r="G42" s="18" t="s">
        <v>82</v>
      </c>
      <c r="H42" s="17"/>
      <c r="I42" s="13">
        <v>131</v>
      </c>
      <c r="J42" s="19">
        <v>70</v>
      </c>
      <c r="K42" s="19">
        <v>61</v>
      </c>
    </row>
    <row r="43" spans="1:11" ht="15" customHeight="1">
      <c r="A43" s="17" t="s">
        <v>83</v>
      </c>
      <c r="B43" s="17"/>
      <c r="C43" s="13">
        <v>169</v>
      </c>
      <c r="D43" s="19">
        <v>75</v>
      </c>
      <c r="E43" s="19">
        <v>94</v>
      </c>
      <c r="F43" s="19"/>
      <c r="G43" s="18" t="s">
        <v>84</v>
      </c>
      <c r="H43" s="17"/>
      <c r="I43" s="13">
        <v>137</v>
      </c>
      <c r="J43" s="19">
        <v>56</v>
      </c>
      <c r="K43" s="19">
        <v>81</v>
      </c>
    </row>
    <row r="44" spans="1:11" ht="15" customHeight="1">
      <c r="A44" s="17" t="s">
        <v>85</v>
      </c>
      <c r="B44" s="17"/>
      <c r="C44" s="13">
        <v>173</v>
      </c>
      <c r="D44" s="19">
        <v>93</v>
      </c>
      <c r="E44" s="19">
        <v>80</v>
      </c>
      <c r="F44" s="19"/>
      <c r="G44" s="18" t="s">
        <v>86</v>
      </c>
      <c r="H44" s="17"/>
      <c r="I44" s="13">
        <v>136</v>
      </c>
      <c r="J44" s="19">
        <v>69</v>
      </c>
      <c r="K44" s="19">
        <v>67</v>
      </c>
    </row>
    <row r="45" spans="1:11" ht="15" customHeight="1">
      <c r="A45" s="17" t="s">
        <v>87</v>
      </c>
      <c r="B45" s="17"/>
      <c r="C45" s="13">
        <v>189</v>
      </c>
      <c r="D45" s="19">
        <v>85</v>
      </c>
      <c r="E45" s="19">
        <v>104</v>
      </c>
      <c r="F45" s="19"/>
      <c r="G45" s="18" t="s">
        <v>88</v>
      </c>
      <c r="H45" s="17"/>
      <c r="I45" s="13">
        <v>117</v>
      </c>
      <c r="J45" s="19">
        <v>46</v>
      </c>
      <c r="K45" s="19">
        <v>71</v>
      </c>
    </row>
    <row r="46" spans="1:11" ht="15" customHeight="1">
      <c r="A46" s="17" t="s">
        <v>89</v>
      </c>
      <c r="B46" s="17"/>
      <c r="C46" s="13">
        <v>218</v>
      </c>
      <c r="D46" s="19">
        <v>109</v>
      </c>
      <c r="E46" s="19">
        <v>109</v>
      </c>
      <c r="F46" s="19"/>
      <c r="G46" s="18" t="s">
        <v>90</v>
      </c>
      <c r="H46" s="17"/>
      <c r="I46" s="13">
        <v>114</v>
      </c>
      <c r="J46" s="19">
        <v>44</v>
      </c>
      <c r="K46" s="19">
        <v>70</v>
      </c>
    </row>
    <row r="47" spans="1:11" ht="20.100000000000001" customHeight="1">
      <c r="A47" s="17" t="s">
        <v>91</v>
      </c>
      <c r="B47" s="17"/>
      <c r="C47" s="13">
        <v>1194</v>
      </c>
      <c r="D47" s="14">
        <v>596</v>
      </c>
      <c r="E47" s="14">
        <v>598</v>
      </c>
      <c r="F47" s="14"/>
      <c r="G47" s="18" t="s">
        <v>92</v>
      </c>
      <c r="H47" s="17"/>
      <c r="I47" s="13">
        <v>438</v>
      </c>
      <c r="J47" s="14">
        <v>158</v>
      </c>
      <c r="K47" s="14">
        <v>280</v>
      </c>
    </row>
    <row r="48" spans="1:11" ht="15" customHeight="1">
      <c r="A48" s="17" t="s">
        <v>93</v>
      </c>
      <c r="B48" s="17"/>
      <c r="C48" s="13">
        <v>206</v>
      </c>
      <c r="D48" s="19">
        <v>100</v>
      </c>
      <c r="E48" s="19">
        <v>106</v>
      </c>
      <c r="F48" s="19"/>
      <c r="G48" s="18" t="s">
        <v>94</v>
      </c>
      <c r="H48" s="17"/>
      <c r="I48" s="13">
        <v>102</v>
      </c>
      <c r="J48" s="19">
        <v>45</v>
      </c>
      <c r="K48" s="19">
        <v>57</v>
      </c>
    </row>
    <row r="49" spans="1:11" ht="15" customHeight="1">
      <c r="A49" s="17" t="s">
        <v>95</v>
      </c>
      <c r="B49" s="17"/>
      <c r="C49" s="13">
        <v>245</v>
      </c>
      <c r="D49" s="19">
        <v>121</v>
      </c>
      <c r="E49" s="19">
        <v>124</v>
      </c>
      <c r="F49" s="19"/>
      <c r="G49" s="18" t="s">
        <v>96</v>
      </c>
      <c r="H49" s="17"/>
      <c r="I49" s="13">
        <v>109</v>
      </c>
      <c r="J49" s="19">
        <v>40</v>
      </c>
      <c r="K49" s="19">
        <v>69</v>
      </c>
    </row>
    <row r="50" spans="1:11" ht="15" customHeight="1">
      <c r="A50" s="17" t="s">
        <v>97</v>
      </c>
      <c r="B50" s="17"/>
      <c r="C50" s="13">
        <v>261</v>
      </c>
      <c r="D50" s="19">
        <v>136</v>
      </c>
      <c r="E50" s="19">
        <v>125</v>
      </c>
      <c r="F50" s="19"/>
      <c r="G50" s="18" t="s">
        <v>98</v>
      </c>
      <c r="H50" s="17"/>
      <c r="I50" s="13">
        <v>91</v>
      </c>
      <c r="J50" s="19">
        <v>30</v>
      </c>
      <c r="K50" s="19">
        <v>61</v>
      </c>
    </row>
    <row r="51" spans="1:11" ht="15" customHeight="1">
      <c r="A51" s="17" t="s">
        <v>99</v>
      </c>
      <c r="B51" s="17"/>
      <c r="C51" s="13">
        <v>255</v>
      </c>
      <c r="D51" s="19">
        <v>127</v>
      </c>
      <c r="E51" s="19">
        <v>128</v>
      </c>
      <c r="F51" s="19"/>
      <c r="G51" s="18" t="s">
        <v>100</v>
      </c>
      <c r="H51" s="17"/>
      <c r="I51" s="13">
        <v>79</v>
      </c>
      <c r="J51" s="19">
        <v>25</v>
      </c>
      <c r="K51" s="19">
        <v>54</v>
      </c>
    </row>
    <row r="52" spans="1:11" ht="15" customHeight="1">
      <c r="A52" s="17" t="s">
        <v>101</v>
      </c>
      <c r="B52" s="17"/>
      <c r="C52" s="13">
        <v>227</v>
      </c>
      <c r="D52" s="19">
        <v>112</v>
      </c>
      <c r="E52" s="19">
        <v>115</v>
      </c>
      <c r="F52" s="19"/>
      <c r="G52" s="18" t="s">
        <v>102</v>
      </c>
      <c r="H52" s="17"/>
      <c r="I52" s="13">
        <v>57</v>
      </c>
      <c r="J52" s="19">
        <v>18</v>
      </c>
      <c r="K52" s="19">
        <v>39</v>
      </c>
    </row>
    <row r="53" spans="1:11" ht="20.100000000000001" customHeight="1">
      <c r="A53" s="17" t="s">
        <v>103</v>
      </c>
      <c r="B53" s="17"/>
      <c r="C53" s="13">
        <v>1418</v>
      </c>
      <c r="D53" s="14">
        <v>729</v>
      </c>
      <c r="E53" s="14">
        <v>689</v>
      </c>
      <c r="F53" s="14"/>
      <c r="G53" s="18" t="s">
        <v>104</v>
      </c>
      <c r="H53" s="17"/>
      <c r="I53" s="13">
        <v>222</v>
      </c>
      <c r="J53" s="14">
        <v>48</v>
      </c>
      <c r="K53" s="14">
        <v>174</v>
      </c>
    </row>
    <row r="54" spans="1:11" ht="15" customHeight="1">
      <c r="A54" s="17" t="s">
        <v>105</v>
      </c>
      <c r="B54" s="17"/>
      <c r="C54" s="13">
        <v>265</v>
      </c>
      <c r="D54" s="19">
        <v>151</v>
      </c>
      <c r="E54" s="19">
        <v>114</v>
      </c>
      <c r="F54" s="19"/>
      <c r="G54" s="18" t="s">
        <v>106</v>
      </c>
      <c r="H54" s="17"/>
      <c r="I54" s="13">
        <v>59</v>
      </c>
      <c r="J54" s="19">
        <v>16</v>
      </c>
      <c r="K54" s="19">
        <v>43</v>
      </c>
    </row>
    <row r="55" spans="1:11" ht="15" customHeight="1">
      <c r="A55" s="17" t="s">
        <v>107</v>
      </c>
      <c r="B55" s="17"/>
      <c r="C55" s="13">
        <v>268</v>
      </c>
      <c r="D55" s="19">
        <v>136</v>
      </c>
      <c r="E55" s="19">
        <v>132</v>
      </c>
      <c r="F55" s="19"/>
      <c r="G55" s="18" t="s">
        <v>108</v>
      </c>
      <c r="H55" s="17"/>
      <c r="I55" s="13">
        <v>49</v>
      </c>
      <c r="J55" s="19">
        <v>10</v>
      </c>
      <c r="K55" s="19">
        <v>39</v>
      </c>
    </row>
    <row r="56" spans="1:11" ht="15" customHeight="1">
      <c r="A56" s="17" t="s">
        <v>109</v>
      </c>
      <c r="B56" s="17"/>
      <c r="C56" s="13">
        <v>254</v>
      </c>
      <c r="D56" s="19">
        <v>109</v>
      </c>
      <c r="E56" s="19">
        <v>145</v>
      </c>
      <c r="F56" s="19"/>
      <c r="G56" s="18" t="s">
        <v>110</v>
      </c>
      <c r="H56" s="17"/>
      <c r="I56" s="13">
        <v>51</v>
      </c>
      <c r="J56" s="19">
        <v>8</v>
      </c>
      <c r="K56" s="19">
        <v>43</v>
      </c>
    </row>
    <row r="57" spans="1:11" ht="15" customHeight="1">
      <c r="A57" s="17" t="s">
        <v>111</v>
      </c>
      <c r="B57" s="17"/>
      <c r="C57" s="13">
        <v>313</v>
      </c>
      <c r="D57" s="19">
        <v>166</v>
      </c>
      <c r="E57" s="19">
        <v>147</v>
      </c>
      <c r="F57" s="19"/>
      <c r="G57" s="18" t="s">
        <v>112</v>
      </c>
      <c r="H57" s="17"/>
      <c r="I57" s="13">
        <v>39</v>
      </c>
      <c r="J57" s="19">
        <v>8</v>
      </c>
      <c r="K57" s="19">
        <v>31</v>
      </c>
    </row>
    <row r="58" spans="1:11" ht="15" customHeight="1">
      <c r="A58" s="17" t="s">
        <v>113</v>
      </c>
      <c r="B58" s="17"/>
      <c r="C58" s="13">
        <v>318</v>
      </c>
      <c r="D58" s="19">
        <v>167</v>
      </c>
      <c r="E58" s="19">
        <v>151</v>
      </c>
      <c r="F58" s="19"/>
      <c r="G58" s="18" t="s">
        <v>114</v>
      </c>
      <c r="H58" s="17"/>
      <c r="I58" s="13">
        <v>24</v>
      </c>
      <c r="J58" s="19">
        <v>6</v>
      </c>
      <c r="K58" s="19">
        <v>18</v>
      </c>
    </row>
    <row r="59" spans="1:11" ht="20.100000000000001" customHeight="1">
      <c r="A59" s="17" t="s">
        <v>115</v>
      </c>
      <c r="B59" s="17"/>
      <c r="C59" s="13">
        <v>1520</v>
      </c>
      <c r="D59" s="14">
        <v>778</v>
      </c>
      <c r="E59" s="14">
        <v>742</v>
      </c>
      <c r="F59" s="14"/>
      <c r="G59" s="18" t="s">
        <v>116</v>
      </c>
      <c r="H59" s="17"/>
      <c r="I59" s="13">
        <v>87</v>
      </c>
      <c r="J59" s="14">
        <v>18</v>
      </c>
      <c r="K59" s="14">
        <v>69</v>
      </c>
    </row>
    <row r="60" spans="1:11" ht="15" customHeight="1">
      <c r="A60" s="17" t="s">
        <v>117</v>
      </c>
      <c r="B60" s="17"/>
      <c r="C60" s="13">
        <v>342</v>
      </c>
      <c r="D60" s="19">
        <v>176</v>
      </c>
      <c r="E60" s="19">
        <v>166</v>
      </c>
      <c r="F60" s="19"/>
      <c r="G60" s="18" t="s">
        <v>118</v>
      </c>
      <c r="H60" s="17"/>
      <c r="I60" s="13">
        <v>15</v>
      </c>
      <c r="J60" s="19">
        <v>0</v>
      </c>
      <c r="K60" s="19">
        <v>15</v>
      </c>
    </row>
    <row r="61" spans="1:11" ht="15" customHeight="1">
      <c r="A61" s="17" t="s">
        <v>119</v>
      </c>
      <c r="B61" s="17"/>
      <c r="C61" s="13">
        <v>304</v>
      </c>
      <c r="D61" s="19">
        <v>150</v>
      </c>
      <c r="E61" s="19">
        <v>154</v>
      </c>
      <c r="F61" s="19"/>
      <c r="G61" s="18" t="s">
        <v>120</v>
      </c>
      <c r="H61" s="17"/>
      <c r="I61" s="13">
        <v>33</v>
      </c>
      <c r="J61" s="19">
        <v>8</v>
      </c>
      <c r="K61" s="19">
        <v>25</v>
      </c>
    </row>
    <row r="62" spans="1:11" ht="15" customHeight="1">
      <c r="A62" s="17" t="s">
        <v>121</v>
      </c>
      <c r="B62" s="17"/>
      <c r="C62" s="13">
        <v>300</v>
      </c>
      <c r="D62" s="19">
        <v>164</v>
      </c>
      <c r="E62" s="19">
        <v>136</v>
      </c>
      <c r="F62" s="19"/>
      <c r="G62" s="18" t="s">
        <v>122</v>
      </c>
      <c r="H62" s="17"/>
      <c r="I62" s="13">
        <v>13</v>
      </c>
      <c r="J62" s="19">
        <v>7</v>
      </c>
      <c r="K62" s="19">
        <v>6</v>
      </c>
    </row>
    <row r="63" spans="1:11" ht="15" customHeight="1">
      <c r="A63" s="17" t="s">
        <v>123</v>
      </c>
      <c r="B63" s="17"/>
      <c r="C63" s="13">
        <v>267</v>
      </c>
      <c r="D63" s="19">
        <v>130</v>
      </c>
      <c r="E63" s="19">
        <v>137</v>
      </c>
      <c r="F63" s="19"/>
      <c r="G63" s="18" t="s">
        <v>124</v>
      </c>
      <c r="H63" s="17"/>
      <c r="I63" s="13">
        <v>15</v>
      </c>
      <c r="J63" s="19">
        <v>3</v>
      </c>
      <c r="K63" s="19">
        <v>12</v>
      </c>
    </row>
    <row r="64" spans="1:11" ht="15" customHeight="1">
      <c r="A64" s="17" t="s">
        <v>125</v>
      </c>
      <c r="B64" s="17"/>
      <c r="C64" s="13">
        <v>307</v>
      </c>
      <c r="D64" s="19">
        <v>158</v>
      </c>
      <c r="E64" s="19">
        <v>149</v>
      </c>
      <c r="F64" s="19"/>
      <c r="G64" s="18" t="s">
        <v>126</v>
      </c>
      <c r="H64" s="17"/>
      <c r="I64" s="13">
        <v>11</v>
      </c>
      <c r="J64" s="19">
        <v>0</v>
      </c>
      <c r="K64" s="19">
        <v>1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1</v>
      </c>
      <c r="J65" s="19">
        <v>1</v>
      </c>
      <c r="K65" s="19">
        <v>2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34</v>
      </c>
      <c r="J66" s="29">
        <v>18</v>
      </c>
      <c r="K66" s="29">
        <v>16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3" pageOrder="overThenDown" orientation="portrait" blackAndWhite="1" useFirstPageNumber="1" horizontalDpi="300" verticalDpi="300"/>
  <headerFooter scaleWithDoc="0"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9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1289</v>
      </c>
      <c r="D4" s="14">
        <v>5378</v>
      </c>
      <c r="E4" s="14">
        <v>591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07</v>
      </c>
      <c r="D5" s="14">
        <v>104</v>
      </c>
      <c r="E5" s="14">
        <v>103</v>
      </c>
      <c r="F5" s="14"/>
      <c r="G5" s="18" t="s">
        <v>8</v>
      </c>
      <c r="H5" s="17"/>
      <c r="I5" s="13">
        <v>630</v>
      </c>
      <c r="J5" s="14">
        <v>320</v>
      </c>
      <c r="K5" s="14">
        <v>310</v>
      </c>
    </row>
    <row r="6" spans="1:11" ht="15" customHeight="1">
      <c r="A6" s="17" t="s">
        <v>9</v>
      </c>
      <c r="B6" s="17"/>
      <c r="C6" s="13">
        <v>41</v>
      </c>
      <c r="D6" s="19">
        <v>23</v>
      </c>
      <c r="E6" s="19">
        <v>18</v>
      </c>
      <c r="F6" s="19"/>
      <c r="G6" s="18" t="s">
        <v>10</v>
      </c>
      <c r="H6" s="17"/>
      <c r="I6" s="13">
        <v>141</v>
      </c>
      <c r="J6" s="19">
        <v>74</v>
      </c>
      <c r="K6" s="19">
        <v>67</v>
      </c>
    </row>
    <row r="7" spans="1:11" ht="15" customHeight="1">
      <c r="A7" s="17" t="s">
        <v>11</v>
      </c>
      <c r="B7" s="17"/>
      <c r="C7" s="13">
        <v>35</v>
      </c>
      <c r="D7" s="19">
        <v>15</v>
      </c>
      <c r="E7" s="19">
        <v>20</v>
      </c>
      <c r="F7" s="19"/>
      <c r="G7" s="18" t="s">
        <v>12</v>
      </c>
      <c r="H7" s="17"/>
      <c r="I7" s="13">
        <v>135</v>
      </c>
      <c r="J7" s="19">
        <v>73</v>
      </c>
      <c r="K7" s="19">
        <v>62</v>
      </c>
    </row>
    <row r="8" spans="1:11" ht="15" customHeight="1">
      <c r="A8" s="17" t="s">
        <v>13</v>
      </c>
      <c r="B8" s="17"/>
      <c r="C8" s="13">
        <v>49</v>
      </c>
      <c r="D8" s="19">
        <v>24</v>
      </c>
      <c r="E8" s="19">
        <v>25</v>
      </c>
      <c r="F8" s="19"/>
      <c r="G8" s="18" t="s">
        <v>14</v>
      </c>
      <c r="H8" s="17"/>
      <c r="I8" s="13">
        <v>88</v>
      </c>
      <c r="J8" s="19">
        <v>43</v>
      </c>
      <c r="K8" s="19">
        <v>45</v>
      </c>
    </row>
    <row r="9" spans="1:11" ht="15" customHeight="1">
      <c r="A9" s="17" t="s">
        <v>15</v>
      </c>
      <c r="B9" s="17"/>
      <c r="C9" s="13">
        <v>50</v>
      </c>
      <c r="D9" s="19">
        <v>26</v>
      </c>
      <c r="E9" s="19">
        <v>24</v>
      </c>
      <c r="F9" s="19"/>
      <c r="G9" s="18" t="s">
        <v>16</v>
      </c>
      <c r="H9" s="17"/>
      <c r="I9" s="13">
        <v>151</v>
      </c>
      <c r="J9" s="19">
        <v>72</v>
      </c>
      <c r="K9" s="19">
        <v>79</v>
      </c>
    </row>
    <row r="10" spans="1:11" ht="15" customHeight="1">
      <c r="A10" s="17" t="s">
        <v>17</v>
      </c>
      <c r="B10" s="17"/>
      <c r="C10" s="13">
        <v>32</v>
      </c>
      <c r="D10" s="19">
        <v>16</v>
      </c>
      <c r="E10" s="19">
        <v>16</v>
      </c>
      <c r="F10" s="19"/>
      <c r="G10" s="18" t="s">
        <v>18</v>
      </c>
      <c r="H10" s="17"/>
      <c r="I10" s="13">
        <v>115</v>
      </c>
      <c r="J10" s="19">
        <v>58</v>
      </c>
      <c r="K10" s="19">
        <v>57</v>
      </c>
    </row>
    <row r="11" spans="1:11" ht="20.100000000000001" customHeight="1">
      <c r="A11" s="17" t="s">
        <v>19</v>
      </c>
      <c r="B11" s="17"/>
      <c r="C11" s="13">
        <v>234</v>
      </c>
      <c r="D11" s="14">
        <v>108</v>
      </c>
      <c r="E11" s="14">
        <v>126</v>
      </c>
      <c r="F11" s="14"/>
      <c r="G11" s="18" t="s">
        <v>20</v>
      </c>
      <c r="H11" s="17"/>
      <c r="I11" s="13">
        <v>718</v>
      </c>
      <c r="J11" s="14">
        <v>356</v>
      </c>
      <c r="K11" s="14">
        <v>362</v>
      </c>
    </row>
    <row r="12" spans="1:11" ht="15" customHeight="1">
      <c r="A12" s="17" t="s">
        <v>21</v>
      </c>
      <c r="B12" s="17"/>
      <c r="C12" s="13">
        <v>53</v>
      </c>
      <c r="D12" s="19">
        <v>25</v>
      </c>
      <c r="E12" s="19">
        <v>28</v>
      </c>
      <c r="F12" s="19"/>
      <c r="G12" s="18" t="s">
        <v>22</v>
      </c>
      <c r="H12" s="17"/>
      <c r="I12" s="13">
        <v>170</v>
      </c>
      <c r="J12" s="19">
        <v>82</v>
      </c>
      <c r="K12" s="19">
        <v>88</v>
      </c>
    </row>
    <row r="13" spans="1:11" ht="15" customHeight="1">
      <c r="A13" s="17" t="s">
        <v>23</v>
      </c>
      <c r="B13" s="17"/>
      <c r="C13" s="13">
        <v>44</v>
      </c>
      <c r="D13" s="19">
        <v>18</v>
      </c>
      <c r="E13" s="19">
        <v>26</v>
      </c>
      <c r="F13" s="19"/>
      <c r="G13" s="18" t="s">
        <v>24</v>
      </c>
      <c r="H13" s="17"/>
      <c r="I13" s="13">
        <v>120</v>
      </c>
      <c r="J13" s="19">
        <v>67</v>
      </c>
      <c r="K13" s="19">
        <v>53</v>
      </c>
    </row>
    <row r="14" spans="1:11" ht="15" customHeight="1">
      <c r="A14" s="17" t="s">
        <v>25</v>
      </c>
      <c r="B14" s="17"/>
      <c r="C14" s="13">
        <v>38</v>
      </c>
      <c r="D14" s="19">
        <v>20</v>
      </c>
      <c r="E14" s="19">
        <v>18</v>
      </c>
      <c r="F14" s="19"/>
      <c r="G14" s="18" t="s">
        <v>26</v>
      </c>
      <c r="H14" s="17"/>
      <c r="I14" s="13">
        <v>133</v>
      </c>
      <c r="J14" s="19">
        <v>71</v>
      </c>
      <c r="K14" s="19">
        <v>62</v>
      </c>
    </row>
    <row r="15" spans="1:11" ht="15" customHeight="1">
      <c r="A15" s="17" t="s">
        <v>27</v>
      </c>
      <c r="B15" s="17"/>
      <c r="C15" s="13">
        <v>48</v>
      </c>
      <c r="D15" s="19">
        <v>26</v>
      </c>
      <c r="E15" s="19">
        <v>22</v>
      </c>
      <c r="F15" s="19"/>
      <c r="G15" s="18" t="s">
        <v>28</v>
      </c>
      <c r="H15" s="17"/>
      <c r="I15" s="13">
        <v>154</v>
      </c>
      <c r="J15" s="19">
        <v>84</v>
      </c>
      <c r="K15" s="19">
        <v>70</v>
      </c>
    </row>
    <row r="16" spans="1:11" ht="15" customHeight="1">
      <c r="A16" s="17" t="s">
        <v>29</v>
      </c>
      <c r="B16" s="17"/>
      <c r="C16" s="13">
        <v>51</v>
      </c>
      <c r="D16" s="19">
        <v>19</v>
      </c>
      <c r="E16" s="19">
        <v>32</v>
      </c>
      <c r="F16" s="19"/>
      <c r="G16" s="18" t="s">
        <v>30</v>
      </c>
      <c r="H16" s="17"/>
      <c r="I16" s="13">
        <v>141</v>
      </c>
      <c r="J16" s="19">
        <v>52</v>
      </c>
      <c r="K16" s="19">
        <v>89</v>
      </c>
    </row>
    <row r="17" spans="1:11" ht="20.100000000000001" customHeight="1">
      <c r="A17" s="20" t="s">
        <v>31</v>
      </c>
      <c r="B17" s="20"/>
      <c r="C17" s="13">
        <v>305</v>
      </c>
      <c r="D17" s="14">
        <v>162</v>
      </c>
      <c r="E17" s="14">
        <v>143</v>
      </c>
      <c r="F17" s="14"/>
      <c r="G17" s="18" t="s">
        <v>32</v>
      </c>
      <c r="H17" s="17"/>
      <c r="I17" s="13">
        <v>870</v>
      </c>
      <c r="J17" s="14">
        <v>460</v>
      </c>
      <c r="K17" s="14">
        <v>410</v>
      </c>
    </row>
    <row r="18" spans="1:11" ht="15" customHeight="1">
      <c r="A18" s="17" t="s">
        <v>33</v>
      </c>
      <c r="B18" s="17"/>
      <c r="C18" s="13">
        <v>81</v>
      </c>
      <c r="D18" s="19">
        <v>41</v>
      </c>
      <c r="E18" s="19">
        <v>40</v>
      </c>
      <c r="F18" s="19"/>
      <c r="G18" s="18" t="s">
        <v>34</v>
      </c>
      <c r="H18" s="17"/>
      <c r="I18" s="13">
        <v>193</v>
      </c>
      <c r="J18" s="19">
        <v>106</v>
      </c>
      <c r="K18" s="19">
        <v>87</v>
      </c>
    </row>
    <row r="19" spans="1:11" ht="15" customHeight="1">
      <c r="A19" s="17" t="s">
        <v>35</v>
      </c>
      <c r="B19" s="17"/>
      <c r="C19" s="13">
        <v>39</v>
      </c>
      <c r="D19" s="19">
        <v>18</v>
      </c>
      <c r="E19" s="19">
        <v>21</v>
      </c>
      <c r="F19" s="19"/>
      <c r="G19" s="18" t="s">
        <v>36</v>
      </c>
      <c r="H19" s="17"/>
      <c r="I19" s="13">
        <v>156</v>
      </c>
      <c r="J19" s="19">
        <v>82</v>
      </c>
      <c r="K19" s="19">
        <v>74</v>
      </c>
    </row>
    <row r="20" spans="1:11" ht="15" customHeight="1">
      <c r="A20" s="17" t="s">
        <v>37</v>
      </c>
      <c r="B20" s="17"/>
      <c r="C20" s="13">
        <v>66</v>
      </c>
      <c r="D20" s="19">
        <v>40</v>
      </c>
      <c r="E20" s="19">
        <v>26</v>
      </c>
      <c r="F20" s="19"/>
      <c r="G20" s="18" t="s">
        <v>38</v>
      </c>
      <c r="H20" s="17"/>
      <c r="I20" s="13">
        <v>157</v>
      </c>
      <c r="J20" s="19">
        <v>83</v>
      </c>
      <c r="K20" s="19">
        <v>74</v>
      </c>
    </row>
    <row r="21" spans="1:11" ht="15" customHeight="1">
      <c r="A21" s="17" t="s">
        <v>39</v>
      </c>
      <c r="B21" s="17"/>
      <c r="C21" s="13">
        <v>56</v>
      </c>
      <c r="D21" s="19">
        <v>28</v>
      </c>
      <c r="E21" s="19">
        <v>28</v>
      </c>
      <c r="F21" s="19"/>
      <c r="G21" s="18" t="s">
        <v>40</v>
      </c>
      <c r="H21" s="17"/>
      <c r="I21" s="13">
        <v>189</v>
      </c>
      <c r="J21" s="19">
        <v>100</v>
      </c>
      <c r="K21" s="19">
        <v>89</v>
      </c>
    </row>
    <row r="22" spans="1:11" ht="15" customHeight="1">
      <c r="A22" s="17" t="s">
        <v>41</v>
      </c>
      <c r="B22" s="17"/>
      <c r="C22" s="13">
        <v>63</v>
      </c>
      <c r="D22" s="19">
        <v>35</v>
      </c>
      <c r="E22" s="19">
        <v>28</v>
      </c>
      <c r="F22" s="19"/>
      <c r="G22" s="18" t="s">
        <v>42</v>
      </c>
      <c r="H22" s="17"/>
      <c r="I22" s="13">
        <v>175</v>
      </c>
      <c r="J22" s="19">
        <v>89</v>
      </c>
      <c r="K22" s="19">
        <v>86</v>
      </c>
    </row>
    <row r="23" spans="1:11" ht="20.100000000000001" customHeight="1">
      <c r="A23" s="17" t="s">
        <v>43</v>
      </c>
      <c r="B23" s="17"/>
      <c r="C23" s="13">
        <v>483</v>
      </c>
      <c r="D23" s="14">
        <v>212</v>
      </c>
      <c r="E23" s="14">
        <v>271</v>
      </c>
      <c r="F23" s="14"/>
      <c r="G23" s="18" t="s">
        <v>44</v>
      </c>
      <c r="H23" s="17"/>
      <c r="I23" s="13">
        <v>1031</v>
      </c>
      <c r="J23" s="14">
        <v>513</v>
      </c>
      <c r="K23" s="14">
        <v>518</v>
      </c>
    </row>
    <row r="24" spans="1:11" ht="15" customHeight="1">
      <c r="A24" s="17" t="s">
        <v>45</v>
      </c>
      <c r="B24" s="17"/>
      <c r="C24" s="13">
        <v>68</v>
      </c>
      <c r="D24" s="19">
        <v>28</v>
      </c>
      <c r="E24" s="19">
        <v>40</v>
      </c>
      <c r="F24" s="19"/>
      <c r="G24" s="18" t="s">
        <v>46</v>
      </c>
      <c r="H24" s="17"/>
      <c r="I24" s="13">
        <v>168</v>
      </c>
      <c r="J24" s="19">
        <v>87</v>
      </c>
      <c r="K24" s="19">
        <v>81</v>
      </c>
    </row>
    <row r="25" spans="1:11" ht="15" customHeight="1">
      <c r="A25" s="17" t="s">
        <v>47</v>
      </c>
      <c r="B25" s="17"/>
      <c r="C25" s="13">
        <v>77</v>
      </c>
      <c r="D25" s="19">
        <v>36</v>
      </c>
      <c r="E25" s="19">
        <v>41</v>
      </c>
      <c r="F25" s="19"/>
      <c r="G25" s="18" t="s">
        <v>48</v>
      </c>
      <c r="H25" s="17"/>
      <c r="I25" s="13">
        <v>186</v>
      </c>
      <c r="J25" s="19">
        <v>89</v>
      </c>
      <c r="K25" s="19">
        <v>97</v>
      </c>
    </row>
    <row r="26" spans="1:11" ht="15" customHeight="1">
      <c r="A26" s="17" t="s">
        <v>49</v>
      </c>
      <c r="B26" s="17"/>
      <c r="C26" s="13">
        <v>87</v>
      </c>
      <c r="D26" s="19">
        <v>40</v>
      </c>
      <c r="E26" s="19">
        <v>47</v>
      </c>
      <c r="F26" s="19"/>
      <c r="G26" s="18" t="s">
        <v>50</v>
      </c>
      <c r="H26" s="17"/>
      <c r="I26" s="13">
        <v>190</v>
      </c>
      <c r="J26" s="19">
        <v>95</v>
      </c>
      <c r="K26" s="19">
        <v>95</v>
      </c>
    </row>
    <row r="27" spans="1:11" ht="15" customHeight="1">
      <c r="A27" s="17" t="s">
        <v>51</v>
      </c>
      <c r="B27" s="17"/>
      <c r="C27" s="13">
        <v>125</v>
      </c>
      <c r="D27" s="19">
        <v>48</v>
      </c>
      <c r="E27" s="19">
        <v>77</v>
      </c>
      <c r="F27" s="19"/>
      <c r="G27" s="18" t="s">
        <v>52</v>
      </c>
      <c r="H27" s="17"/>
      <c r="I27" s="13">
        <v>239</v>
      </c>
      <c r="J27" s="19">
        <v>112</v>
      </c>
      <c r="K27" s="19">
        <v>127</v>
      </c>
    </row>
    <row r="28" spans="1:11" ht="15" customHeight="1">
      <c r="A28" s="17" t="s">
        <v>53</v>
      </c>
      <c r="B28" s="17"/>
      <c r="C28" s="13">
        <v>126</v>
      </c>
      <c r="D28" s="19">
        <v>60</v>
      </c>
      <c r="E28" s="19">
        <v>66</v>
      </c>
      <c r="F28" s="19"/>
      <c r="G28" s="18" t="s">
        <v>54</v>
      </c>
      <c r="H28" s="17"/>
      <c r="I28" s="13">
        <v>248</v>
      </c>
      <c r="J28" s="19">
        <v>130</v>
      </c>
      <c r="K28" s="19">
        <v>118</v>
      </c>
    </row>
    <row r="29" spans="1:11" ht="20.100000000000001" customHeight="1">
      <c r="A29" s="17" t="s">
        <v>55</v>
      </c>
      <c r="B29" s="17"/>
      <c r="C29" s="13">
        <v>782</v>
      </c>
      <c r="D29" s="14">
        <v>327</v>
      </c>
      <c r="E29" s="14">
        <v>455</v>
      </c>
      <c r="F29" s="14"/>
      <c r="G29" s="18" t="s">
        <v>56</v>
      </c>
      <c r="H29" s="17"/>
      <c r="I29" s="13">
        <v>1008</v>
      </c>
      <c r="J29" s="14">
        <v>476</v>
      </c>
      <c r="K29" s="14">
        <v>532</v>
      </c>
    </row>
    <row r="30" spans="1:11" ht="15" customHeight="1">
      <c r="A30" s="17" t="s">
        <v>57</v>
      </c>
      <c r="B30" s="17"/>
      <c r="C30" s="13">
        <v>178</v>
      </c>
      <c r="D30" s="19">
        <v>80</v>
      </c>
      <c r="E30" s="19">
        <v>98</v>
      </c>
      <c r="F30" s="19"/>
      <c r="G30" s="18" t="s">
        <v>58</v>
      </c>
      <c r="H30" s="17"/>
      <c r="I30" s="13">
        <v>219</v>
      </c>
      <c r="J30" s="19">
        <v>108</v>
      </c>
      <c r="K30" s="19">
        <v>111</v>
      </c>
    </row>
    <row r="31" spans="1:11" ht="15" customHeight="1">
      <c r="A31" s="17" t="s">
        <v>59</v>
      </c>
      <c r="B31" s="17"/>
      <c r="C31" s="13">
        <v>156</v>
      </c>
      <c r="D31" s="19">
        <v>61</v>
      </c>
      <c r="E31" s="19">
        <v>95</v>
      </c>
      <c r="F31" s="19"/>
      <c r="G31" s="18" t="s">
        <v>60</v>
      </c>
      <c r="H31" s="17"/>
      <c r="I31" s="13">
        <v>268</v>
      </c>
      <c r="J31" s="19">
        <v>125</v>
      </c>
      <c r="K31" s="19">
        <v>143</v>
      </c>
    </row>
    <row r="32" spans="1:11" ht="15" customHeight="1">
      <c r="A32" s="17" t="s">
        <v>61</v>
      </c>
      <c r="B32" s="17"/>
      <c r="C32" s="13">
        <v>150</v>
      </c>
      <c r="D32" s="19">
        <v>60</v>
      </c>
      <c r="E32" s="19">
        <v>90</v>
      </c>
      <c r="F32" s="19"/>
      <c r="G32" s="18" t="s">
        <v>62</v>
      </c>
      <c r="H32" s="17"/>
      <c r="I32" s="13">
        <v>167</v>
      </c>
      <c r="J32" s="19">
        <v>82</v>
      </c>
      <c r="K32" s="19">
        <v>85</v>
      </c>
    </row>
    <row r="33" spans="1:11" ht="15" customHeight="1">
      <c r="A33" s="17" t="s">
        <v>63</v>
      </c>
      <c r="B33" s="17"/>
      <c r="C33" s="13">
        <v>171</v>
      </c>
      <c r="D33" s="19">
        <v>77</v>
      </c>
      <c r="E33" s="19">
        <v>94</v>
      </c>
      <c r="F33" s="19"/>
      <c r="G33" s="18" t="s">
        <v>64</v>
      </c>
      <c r="H33" s="17"/>
      <c r="I33" s="13">
        <v>165</v>
      </c>
      <c r="J33" s="19">
        <v>78</v>
      </c>
      <c r="K33" s="19">
        <v>87</v>
      </c>
    </row>
    <row r="34" spans="1:11" ht="15" customHeight="1">
      <c r="A34" s="17" t="s">
        <v>65</v>
      </c>
      <c r="B34" s="17"/>
      <c r="C34" s="13">
        <v>127</v>
      </c>
      <c r="D34" s="19">
        <v>49</v>
      </c>
      <c r="E34" s="19">
        <v>78</v>
      </c>
      <c r="F34" s="19"/>
      <c r="G34" s="18" t="s">
        <v>66</v>
      </c>
      <c r="H34" s="17"/>
      <c r="I34" s="13">
        <v>189</v>
      </c>
      <c r="J34" s="19">
        <v>83</v>
      </c>
      <c r="K34" s="19">
        <v>106</v>
      </c>
    </row>
    <row r="35" spans="1:11" ht="20.100000000000001" customHeight="1">
      <c r="A35" s="17" t="s">
        <v>67</v>
      </c>
      <c r="B35" s="17"/>
      <c r="C35" s="13">
        <v>646</v>
      </c>
      <c r="D35" s="14">
        <v>320</v>
      </c>
      <c r="E35" s="14">
        <v>326</v>
      </c>
      <c r="F35" s="14"/>
      <c r="G35" s="18" t="s">
        <v>68</v>
      </c>
      <c r="H35" s="17"/>
      <c r="I35" s="13">
        <v>836</v>
      </c>
      <c r="J35" s="14">
        <v>367</v>
      </c>
      <c r="K35" s="14">
        <v>469</v>
      </c>
    </row>
    <row r="36" spans="1:11" ht="15" customHeight="1">
      <c r="A36" s="17" t="s">
        <v>69</v>
      </c>
      <c r="B36" s="17"/>
      <c r="C36" s="13">
        <v>166</v>
      </c>
      <c r="D36" s="19">
        <v>75</v>
      </c>
      <c r="E36" s="19">
        <v>91</v>
      </c>
      <c r="F36" s="19"/>
      <c r="G36" s="18" t="s">
        <v>70</v>
      </c>
      <c r="H36" s="17"/>
      <c r="I36" s="13">
        <v>177</v>
      </c>
      <c r="J36" s="19">
        <v>73</v>
      </c>
      <c r="K36" s="19">
        <v>104</v>
      </c>
    </row>
    <row r="37" spans="1:11" ht="15" customHeight="1">
      <c r="A37" s="17" t="s">
        <v>71</v>
      </c>
      <c r="B37" s="17"/>
      <c r="C37" s="13">
        <v>121</v>
      </c>
      <c r="D37" s="19">
        <v>55</v>
      </c>
      <c r="E37" s="19">
        <v>66</v>
      </c>
      <c r="F37" s="19"/>
      <c r="G37" s="18" t="s">
        <v>72</v>
      </c>
      <c r="H37" s="17"/>
      <c r="I37" s="13">
        <v>180</v>
      </c>
      <c r="J37" s="19">
        <v>83</v>
      </c>
      <c r="K37" s="19">
        <v>97</v>
      </c>
    </row>
    <row r="38" spans="1:11" ht="15" customHeight="1">
      <c r="A38" s="17" t="s">
        <v>73</v>
      </c>
      <c r="B38" s="17"/>
      <c r="C38" s="13">
        <v>125</v>
      </c>
      <c r="D38" s="19">
        <v>65</v>
      </c>
      <c r="E38" s="19">
        <v>60</v>
      </c>
      <c r="F38" s="19"/>
      <c r="G38" s="18" t="s">
        <v>74</v>
      </c>
      <c r="H38" s="17"/>
      <c r="I38" s="13">
        <v>171</v>
      </c>
      <c r="J38" s="19">
        <v>80</v>
      </c>
      <c r="K38" s="19">
        <v>91</v>
      </c>
    </row>
    <row r="39" spans="1:11" ht="15" customHeight="1">
      <c r="A39" s="17" t="s">
        <v>75</v>
      </c>
      <c r="B39" s="17"/>
      <c r="C39" s="13">
        <v>107</v>
      </c>
      <c r="D39" s="19">
        <v>46</v>
      </c>
      <c r="E39" s="19">
        <v>61</v>
      </c>
      <c r="F39" s="19"/>
      <c r="G39" s="18" t="s">
        <v>76</v>
      </c>
      <c r="H39" s="17"/>
      <c r="I39" s="13">
        <v>164</v>
      </c>
      <c r="J39" s="19">
        <v>84</v>
      </c>
      <c r="K39" s="19">
        <v>80</v>
      </c>
    </row>
    <row r="40" spans="1:11" ht="15" customHeight="1">
      <c r="A40" s="17" t="s">
        <v>77</v>
      </c>
      <c r="B40" s="17"/>
      <c r="C40" s="13">
        <v>127</v>
      </c>
      <c r="D40" s="19">
        <v>79</v>
      </c>
      <c r="E40" s="19">
        <v>48</v>
      </c>
      <c r="F40" s="19"/>
      <c r="G40" s="18" t="s">
        <v>78</v>
      </c>
      <c r="H40" s="17"/>
      <c r="I40" s="13">
        <v>144</v>
      </c>
      <c r="J40" s="19">
        <v>47</v>
      </c>
      <c r="K40" s="19">
        <v>97</v>
      </c>
    </row>
    <row r="41" spans="1:11" ht="20.100000000000001" customHeight="1">
      <c r="A41" s="17" t="s">
        <v>79</v>
      </c>
      <c r="B41" s="17"/>
      <c r="C41" s="13">
        <v>496</v>
      </c>
      <c r="D41" s="14">
        <v>239</v>
      </c>
      <c r="E41" s="14">
        <v>257</v>
      </c>
      <c r="F41" s="14"/>
      <c r="G41" s="18" t="s">
        <v>80</v>
      </c>
      <c r="H41" s="17"/>
      <c r="I41" s="13">
        <v>601</v>
      </c>
      <c r="J41" s="14">
        <v>249</v>
      </c>
      <c r="K41" s="14">
        <v>352</v>
      </c>
    </row>
    <row r="42" spans="1:11" ht="15" customHeight="1">
      <c r="A42" s="17" t="s">
        <v>81</v>
      </c>
      <c r="B42" s="17"/>
      <c r="C42" s="13">
        <v>118</v>
      </c>
      <c r="D42" s="19">
        <v>47</v>
      </c>
      <c r="E42" s="19">
        <v>71</v>
      </c>
      <c r="F42" s="19"/>
      <c r="G42" s="18" t="s">
        <v>82</v>
      </c>
      <c r="H42" s="17"/>
      <c r="I42" s="13">
        <v>132</v>
      </c>
      <c r="J42" s="19">
        <v>62</v>
      </c>
      <c r="K42" s="19">
        <v>70</v>
      </c>
    </row>
    <row r="43" spans="1:11" ht="15" customHeight="1">
      <c r="A43" s="17" t="s">
        <v>83</v>
      </c>
      <c r="B43" s="17"/>
      <c r="C43" s="13">
        <v>101</v>
      </c>
      <c r="D43" s="19">
        <v>54</v>
      </c>
      <c r="E43" s="19">
        <v>47</v>
      </c>
      <c r="F43" s="19"/>
      <c r="G43" s="18" t="s">
        <v>84</v>
      </c>
      <c r="H43" s="17"/>
      <c r="I43" s="13">
        <v>104</v>
      </c>
      <c r="J43" s="19">
        <v>37</v>
      </c>
      <c r="K43" s="19">
        <v>67</v>
      </c>
    </row>
    <row r="44" spans="1:11" ht="15" customHeight="1">
      <c r="A44" s="17" t="s">
        <v>85</v>
      </c>
      <c r="B44" s="17"/>
      <c r="C44" s="13">
        <v>112</v>
      </c>
      <c r="D44" s="19">
        <v>49</v>
      </c>
      <c r="E44" s="19">
        <v>63</v>
      </c>
      <c r="F44" s="19"/>
      <c r="G44" s="18" t="s">
        <v>86</v>
      </c>
      <c r="H44" s="17"/>
      <c r="I44" s="13">
        <v>118</v>
      </c>
      <c r="J44" s="19">
        <v>53</v>
      </c>
      <c r="K44" s="19">
        <v>65</v>
      </c>
    </row>
    <row r="45" spans="1:11" ht="15" customHeight="1">
      <c r="A45" s="17" t="s">
        <v>87</v>
      </c>
      <c r="B45" s="17"/>
      <c r="C45" s="13">
        <v>78</v>
      </c>
      <c r="D45" s="19">
        <v>45</v>
      </c>
      <c r="E45" s="19">
        <v>33</v>
      </c>
      <c r="F45" s="19"/>
      <c r="G45" s="18" t="s">
        <v>88</v>
      </c>
      <c r="H45" s="17"/>
      <c r="I45" s="13">
        <v>132</v>
      </c>
      <c r="J45" s="19">
        <v>49</v>
      </c>
      <c r="K45" s="19">
        <v>83</v>
      </c>
    </row>
    <row r="46" spans="1:11" ht="15" customHeight="1">
      <c r="A46" s="17" t="s">
        <v>89</v>
      </c>
      <c r="B46" s="17"/>
      <c r="C46" s="13">
        <v>87</v>
      </c>
      <c r="D46" s="19">
        <v>44</v>
      </c>
      <c r="E46" s="19">
        <v>43</v>
      </c>
      <c r="F46" s="19"/>
      <c r="G46" s="18" t="s">
        <v>90</v>
      </c>
      <c r="H46" s="17"/>
      <c r="I46" s="13">
        <v>115</v>
      </c>
      <c r="J46" s="19">
        <v>48</v>
      </c>
      <c r="K46" s="19">
        <v>67</v>
      </c>
    </row>
    <row r="47" spans="1:11" ht="20.100000000000001" customHeight="1">
      <c r="A47" s="17" t="s">
        <v>91</v>
      </c>
      <c r="B47" s="17"/>
      <c r="C47" s="13">
        <v>414</v>
      </c>
      <c r="D47" s="14">
        <v>220</v>
      </c>
      <c r="E47" s="14">
        <v>194</v>
      </c>
      <c r="F47" s="14"/>
      <c r="G47" s="18" t="s">
        <v>92</v>
      </c>
      <c r="H47" s="17"/>
      <c r="I47" s="13">
        <v>347</v>
      </c>
      <c r="J47" s="14">
        <v>126</v>
      </c>
      <c r="K47" s="14">
        <v>221</v>
      </c>
    </row>
    <row r="48" spans="1:11" ht="15" customHeight="1">
      <c r="A48" s="17" t="s">
        <v>93</v>
      </c>
      <c r="B48" s="17"/>
      <c r="C48" s="13">
        <v>84</v>
      </c>
      <c r="D48" s="19">
        <v>45</v>
      </c>
      <c r="E48" s="19">
        <v>39</v>
      </c>
      <c r="F48" s="19"/>
      <c r="G48" s="18" t="s">
        <v>94</v>
      </c>
      <c r="H48" s="17"/>
      <c r="I48" s="13">
        <v>76</v>
      </c>
      <c r="J48" s="19">
        <v>30</v>
      </c>
      <c r="K48" s="19">
        <v>46</v>
      </c>
    </row>
    <row r="49" spans="1:11" ht="15" customHeight="1">
      <c r="A49" s="17" t="s">
        <v>95</v>
      </c>
      <c r="B49" s="17"/>
      <c r="C49" s="13">
        <v>79</v>
      </c>
      <c r="D49" s="19">
        <v>41</v>
      </c>
      <c r="E49" s="19">
        <v>38</v>
      </c>
      <c r="F49" s="19"/>
      <c r="G49" s="18" t="s">
        <v>96</v>
      </c>
      <c r="H49" s="17"/>
      <c r="I49" s="13">
        <v>111</v>
      </c>
      <c r="J49" s="19">
        <v>45</v>
      </c>
      <c r="K49" s="19">
        <v>66</v>
      </c>
    </row>
    <row r="50" spans="1:11" ht="15" customHeight="1">
      <c r="A50" s="17" t="s">
        <v>97</v>
      </c>
      <c r="B50" s="17"/>
      <c r="C50" s="13">
        <v>90</v>
      </c>
      <c r="D50" s="19">
        <v>55</v>
      </c>
      <c r="E50" s="19">
        <v>35</v>
      </c>
      <c r="F50" s="19"/>
      <c r="G50" s="18" t="s">
        <v>98</v>
      </c>
      <c r="H50" s="17"/>
      <c r="I50" s="13">
        <v>67</v>
      </c>
      <c r="J50" s="19">
        <v>23</v>
      </c>
      <c r="K50" s="19">
        <v>44</v>
      </c>
    </row>
    <row r="51" spans="1:11" ht="15" customHeight="1">
      <c r="A51" s="17" t="s">
        <v>99</v>
      </c>
      <c r="B51" s="17"/>
      <c r="C51" s="13">
        <v>77</v>
      </c>
      <c r="D51" s="19">
        <v>37</v>
      </c>
      <c r="E51" s="19">
        <v>40</v>
      </c>
      <c r="F51" s="19"/>
      <c r="G51" s="18" t="s">
        <v>100</v>
      </c>
      <c r="H51" s="17"/>
      <c r="I51" s="13">
        <v>35</v>
      </c>
      <c r="J51" s="19">
        <v>8</v>
      </c>
      <c r="K51" s="19">
        <v>27</v>
      </c>
    </row>
    <row r="52" spans="1:11" ht="15" customHeight="1">
      <c r="A52" s="17" t="s">
        <v>101</v>
      </c>
      <c r="B52" s="17"/>
      <c r="C52" s="13">
        <v>84</v>
      </c>
      <c r="D52" s="19">
        <v>42</v>
      </c>
      <c r="E52" s="19">
        <v>42</v>
      </c>
      <c r="F52" s="19"/>
      <c r="G52" s="18" t="s">
        <v>102</v>
      </c>
      <c r="H52" s="17"/>
      <c r="I52" s="13">
        <v>58</v>
      </c>
      <c r="J52" s="19">
        <v>20</v>
      </c>
      <c r="K52" s="19">
        <v>38</v>
      </c>
    </row>
    <row r="53" spans="1:11" ht="20.100000000000001" customHeight="1">
      <c r="A53" s="17" t="s">
        <v>103</v>
      </c>
      <c r="B53" s="17"/>
      <c r="C53" s="13">
        <v>486</v>
      </c>
      <c r="D53" s="14">
        <v>261</v>
      </c>
      <c r="E53" s="14">
        <v>225</v>
      </c>
      <c r="F53" s="14"/>
      <c r="G53" s="18" t="s">
        <v>104</v>
      </c>
      <c r="H53" s="17"/>
      <c r="I53" s="13">
        <v>226</v>
      </c>
      <c r="J53" s="14">
        <v>50</v>
      </c>
      <c r="K53" s="14">
        <v>176</v>
      </c>
    </row>
    <row r="54" spans="1:11" ht="15" customHeight="1">
      <c r="A54" s="17" t="s">
        <v>105</v>
      </c>
      <c r="B54" s="17"/>
      <c r="C54" s="13">
        <v>100</v>
      </c>
      <c r="D54" s="19">
        <v>51</v>
      </c>
      <c r="E54" s="19">
        <v>49</v>
      </c>
      <c r="F54" s="19"/>
      <c r="G54" s="18" t="s">
        <v>106</v>
      </c>
      <c r="H54" s="17"/>
      <c r="I54" s="13">
        <v>58</v>
      </c>
      <c r="J54" s="19">
        <v>14</v>
      </c>
      <c r="K54" s="19">
        <v>44</v>
      </c>
    </row>
    <row r="55" spans="1:11" ht="15" customHeight="1">
      <c r="A55" s="17" t="s">
        <v>107</v>
      </c>
      <c r="B55" s="17"/>
      <c r="C55" s="13">
        <v>80</v>
      </c>
      <c r="D55" s="19">
        <v>45</v>
      </c>
      <c r="E55" s="19">
        <v>35</v>
      </c>
      <c r="F55" s="19"/>
      <c r="G55" s="18" t="s">
        <v>108</v>
      </c>
      <c r="H55" s="17"/>
      <c r="I55" s="13">
        <v>50</v>
      </c>
      <c r="J55" s="19">
        <v>15</v>
      </c>
      <c r="K55" s="19">
        <v>35</v>
      </c>
    </row>
    <row r="56" spans="1:11" ht="15" customHeight="1">
      <c r="A56" s="17" t="s">
        <v>109</v>
      </c>
      <c r="B56" s="17"/>
      <c r="C56" s="13">
        <v>101</v>
      </c>
      <c r="D56" s="19">
        <v>61</v>
      </c>
      <c r="E56" s="19">
        <v>40</v>
      </c>
      <c r="F56" s="19"/>
      <c r="G56" s="18" t="s">
        <v>110</v>
      </c>
      <c r="H56" s="17"/>
      <c r="I56" s="13">
        <v>42</v>
      </c>
      <c r="J56" s="19">
        <v>8</v>
      </c>
      <c r="K56" s="19">
        <v>34</v>
      </c>
    </row>
    <row r="57" spans="1:11" ht="15" customHeight="1">
      <c r="A57" s="17" t="s">
        <v>111</v>
      </c>
      <c r="B57" s="17"/>
      <c r="C57" s="13">
        <v>80</v>
      </c>
      <c r="D57" s="19">
        <v>36</v>
      </c>
      <c r="E57" s="19">
        <v>44</v>
      </c>
      <c r="F57" s="19"/>
      <c r="G57" s="18" t="s">
        <v>112</v>
      </c>
      <c r="H57" s="17"/>
      <c r="I57" s="13">
        <v>42</v>
      </c>
      <c r="J57" s="19">
        <v>10</v>
      </c>
      <c r="K57" s="19">
        <v>32</v>
      </c>
    </row>
    <row r="58" spans="1:11" ht="15" customHeight="1">
      <c r="A58" s="17" t="s">
        <v>113</v>
      </c>
      <c r="B58" s="17"/>
      <c r="C58" s="13">
        <v>125</v>
      </c>
      <c r="D58" s="19">
        <v>68</v>
      </c>
      <c r="E58" s="19">
        <v>57</v>
      </c>
      <c r="F58" s="19"/>
      <c r="G58" s="18" t="s">
        <v>114</v>
      </c>
      <c r="H58" s="17"/>
      <c r="I58" s="13">
        <v>34</v>
      </c>
      <c r="J58" s="19">
        <v>3</v>
      </c>
      <c r="K58" s="19">
        <v>31</v>
      </c>
    </row>
    <row r="59" spans="1:11" ht="20.100000000000001" customHeight="1">
      <c r="A59" s="17" t="s">
        <v>115</v>
      </c>
      <c r="B59" s="17"/>
      <c r="C59" s="13">
        <v>662</v>
      </c>
      <c r="D59" s="14">
        <v>355</v>
      </c>
      <c r="E59" s="14">
        <v>307</v>
      </c>
      <c r="F59" s="14"/>
      <c r="G59" s="18" t="s">
        <v>116</v>
      </c>
      <c r="H59" s="17"/>
      <c r="I59" s="13">
        <v>51</v>
      </c>
      <c r="J59" s="14">
        <v>12</v>
      </c>
      <c r="K59" s="14">
        <v>39</v>
      </c>
    </row>
    <row r="60" spans="1:11" ht="15" customHeight="1">
      <c r="A60" s="17" t="s">
        <v>117</v>
      </c>
      <c r="B60" s="17"/>
      <c r="C60" s="13">
        <v>140</v>
      </c>
      <c r="D60" s="19">
        <v>68</v>
      </c>
      <c r="E60" s="19">
        <v>72</v>
      </c>
      <c r="F60" s="19"/>
      <c r="G60" s="18" t="s">
        <v>118</v>
      </c>
      <c r="H60" s="17"/>
      <c r="I60" s="13">
        <v>15</v>
      </c>
      <c r="J60" s="19">
        <v>5</v>
      </c>
      <c r="K60" s="19">
        <v>10</v>
      </c>
    </row>
    <row r="61" spans="1:11" ht="15" customHeight="1">
      <c r="A61" s="17" t="s">
        <v>119</v>
      </c>
      <c r="B61" s="17"/>
      <c r="C61" s="13">
        <v>122</v>
      </c>
      <c r="D61" s="19">
        <v>60</v>
      </c>
      <c r="E61" s="19">
        <v>62</v>
      </c>
      <c r="F61" s="19"/>
      <c r="G61" s="18" t="s">
        <v>120</v>
      </c>
      <c r="H61" s="17"/>
      <c r="I61" s="13">
        <v>14</v>
      </c>
      <c r="J61" s="19">
        <v>4</v>
      </c>
      <c r="K61" s="19">
        <v>10</v>
      </c>
    </row>
    <row r="62" spans="1:11" ht="15" customHeight="1">
      <c r="A62" s="17" t="s">
        <v>121</v>
      </c>
      <c r="B62" s="17"/>
      <c r="C62" s="13">
        <v>127</v>
      </c>
      <c r="D62" s="19">
        <v>71</v>
      </c>
      <c r="E62" s="19">
        <v>56</v>
      </c>
      <c r="F62" s="19"/>
      <c r="G62" s="18" t="s">
        <v>122</v>
      </c>
      <c r="H62" s="17"/>
      <c r="I62" s="13">
        <v>6</v>
      </c>
      <c r="J62" s="19">
        <v>3</v>
      </c>
      <c r="K62" s="19">
        <v>3</v>
      </c>
    </row>
    <row r="63" spans="1:11" ht="15" customHeight="1">
      <c r="A63" s="17" t="s">
        <v>123</v>
      </c>
      <c r="B63" s="17"/>
      <c r="C63" s="13">
        <v>144</v>
      </c>
      <c r="D63" s="19">
        <v>77</v>
      </c>
      <c r="E63" s="19">
        <v>67</v>
      </c>
      <c r="F63" s="19"/>
      <c r="G63" s="18" t="s">
        <v>124</v>
      </c>
      <c r="H63" s="17"/>
      <c r="I63" s="13">
        <v>9</v>
      </c>
      <c r="J63" s="19">
        <v>0</v>
      </c>
      <c r="K63" s="19">
        <v>9</v>
      </c>
    </row>
    <row r="64" spans="1:11" ht="15" customHeight="1">
      <c r="A64" s="17" t="s">
        <v>125</v>
      </c>
      <c r="B64" s="17"/>
      <c r="C64" s="13">
        <v>129</v>
      </c>
      <c r="D64" s="19">
        <v>79</v>
      </c>
      <c r="E64" s="19">
        <v>50</v>
      </c>
      <c r="F64" s="19"/>
      <c r="G64" s="18" t="s">
        <v>126</v>
      </c>
      <c r="H64" s="17"/>
      <c r="I64" s="13">
        <v>7</v>
      </c>
      <c r="J64" s="19">
        <v>0</v>
      </c>
      <c r="K64" s="19">
        <v>7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</v>
      </c>
      <c r="J65" s="19">
        <v>2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254</v>
      </c>
      <c r="J66" s="29">
        <v>139</v>
      </c>
      <c r="K66" s="29">
        <v>115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4" pageOrder="overThenDown" orientation="portrait" blackAndWhite="1" useFirstPageNumber="1" horizontalDpi="300" verticalDpi="300"/>
  <headerFooter scaleWithDoc="0"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6929</v>
      </c>
      <c r="D4" s="14">
        <v>3245</v>
      </c>
      <c r="E4" s="14">
        <v>368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54</v>
      </c>
      <c r="D5" s="14">
        <v>79</v>
      </c>
      <c r="E5" s="14">
        <v>75</v>
      </c>
      <c r="F5" s="14"/>
      <c r="G5" s="18" t="s">
        <v>8</v>
      </c>
      <c r="H5" s="17"/>
      <c r="I5" s="13">
        <v>525</v>
      </c>
      <c r="J5" s="14">
        <v>254</v>
      </c>
      <c r="K5" s="14">
        <v>271</v>
      </c>
    </row>
    <row r="6" spans="1:11" ht="15" customHeight="1">
      <c r="A6" s="17" t="s">
        <v>9</v>
      </c>
      <c r="B6" s="17"/>
      <c r="C6" s="13">
        <v>30</v>
      </c>
      <c r="D6" s="19">
        <v>15</v>
      </c>
      <c r="E6" s="19">
        <v>15</v>
      </c>
      <c r="F6" s="19"/>
      <c r="G6" s="18" t="s">
        <v>10</v>
      </c>
      <c r="H6" s="17"/>
      <c r="I6" s="13">
        <v>101</v>
      </c>
      <c r="J6" s="19">
        <v>45</v>
      </c>
      <c r="K6" s="19">
        <v>56</v>
      </c>
    </row>
    <row r="7" spans="1:11" ht="15" customHeight="1">
      <c r="A7" s="17" t="s">
        <v>11</v>
      </c>
      <c r="B7" s="17"/>
      <c r="C7" s="13">
        <v>25</v>
      </c>
      <c r="D7" s="19">
        <v>11</v>
      </c>
      <c r="E7" s="19">
        <v>14</v>
      </c>
      <c r="F7" s="19"/>
      <c r="G7" s="18" t="s">
        <v>12</v>
      </c>
      <c r="H7" s="17"/>
      <c r="I7" s="13">
        <v>101</v>
      </c>
      <c r="J7" s="19">
        <v>47</v>
      </c>
      <c r="K7" s="19">
        <v>54</v>
      </c>
    </row>
    <row r="8" spans="1:11" ht="15" customHeight="1">
      <c r="A8" s="17" t="s">
        <v>13</v>
      </c>
      <c r="B8" s="17"/>
      <c r="C8" s="13">
        <v>26</v>
      </c>
      <c r="D8" s="19">
        <v>14</v>
      </c>
      <c r="E8" s="19">
        <v>12</v>
      </c>
      <c r="F8" s="19"/>
      <c r="G8" s="18" t="s">
        <v>14</v>
      </c>
      <c r="H8" s="17"/>
      <c r="I8" s="13">
        <v>88</v>
      </c>
      <c r="J8" s="19">
        <v>49</v>
      </c>
      <c r="K8" s="19">
        <v>39</v>
      </c>
    </row>
    <row r="9" spans="1:11" ht="15" customHeight="1">
      <c r="A9" s="17" t="s">
        <v>15</v>
      </c>
      <c r="B9" s="17"/>
      <c r="C9" s="13">
        <v>33</v>
      </c>
      <c r="D9" s="19">
        <v>16</v>
      </c>
      <c r="E9" s="19">
        <v>17</v>
      </c>
      <c r="F9" s="19"/>
      <c r="G9" s="18" t="s">
        <v>16</v>
      </c>
      <c r="H9" s="17"/>
      <c r="I9" s="13">
        <v>124</v>
      </c>
      <c r="J9" s="19">
        <v>58</v>
      </c>
      <c r="K9" s="19">
        <v>66</v>
      </c>
    </row>
    <row r="10" spans="1:11" ht="15" customHeight="1">
      <c r="A10" s="17" t="s">
        <v>17</v>
      </c>
      <c r="B10" s="17"/>
      <c r="C10" s="13">
        <v>40</v>
      </c>
      <c r="D10" s="19">
        <v>23</v>
      </c>
      <c r="E10" s="19">
        <v>17</v>
      </c>
      <c r="F10" s="19"/>
      <c r="G10" s="18" t="s">
        <v>18</v>
      </c>
      <c r="H10" s="17"/>
      <c r="I10" s="13">
        <v>111</v>
      </c>
      <c r="J10" s="19">
        <v>55</v>
      </c>
      <c r="K10" s="19">
        <v>56</v>
      </c>
    </row>
    <row r="11" spans="1:11" ht="20.100000000000001" customHeight="1">
      <c r="A11" s="17" t="s">
        <v>19</v>
      </c>
      <c r="B11" s="17"/>
      <c r="C11" s="13">
        <v>166</v>
      </c>
      <c r="D11" s="14">
        <v>80</v>
      </c>
      <c r="E11" s="14">
        <v>86</v>
      </c>
      <c r="F11" s="14"/>
      <c r="G11" s="18" t="s">
        <v>20</v>
      </c>
      <c r="H11" s="17"/>
      <c r="I11" s="13">
        <v>522</v>
      </c>
      <c r="J11" s="14">
        <v>248</v>
      </c>
      <c r="K11" s="14">
        <v>274</v>
      </c>
    </row>
    <row r="12" spans="1:11" ht="15" customHeight="1">
      <c r="A12" s="17" t="s">
        <v>21</v>
      </c>
      <c r="B12" s="17"/>
      <c r="C12" s="13">
        <v>30</v>
      </c>
      <c r="D12" s="19">
        <v>17</v>
      </c>
      <c r="E12" s="19">
        <v>13</v>
      </c>
      <c r="F12" s="19"/>
      <c r="G12" s="18" t="s">
        <v>22</v>
      </c>
      <c r="H12" s="17"/>
      <c r="I12" s="13">
        <v>95</v>
      </c>
      <c r="J12" s="19">
        <v>40</v>
      </c>
      <c r="K12" s="19">
        <v>55</v>
      </c>
    </row>
    <row r="13" spans="1:11" ht="15" customHeight="1">
      <c r="A13" s="17" t="s">
        <v>23</v>
      </c>
      <c r="B13" s="17"/>
      <c r="C13" s="13">
        <v>34</v>
      </c>
      <c r="D13" s="19">
        <v>16</v>
      </c>
      <c r="E13" s="19">
        <v>18</v>
      </c>
      <c r="F13" s="19"/>
      <c r="G13" s="18" t="s">
        <v>24</v>
      </c>
      <c r="H13" s="17"/>
      <c r="I13" s="13">
        <v>115</v>
      </c>
      <c r="J13" s="19">
        <v>57</v>
      </c>
      <c r="K13" s="19">
        <v>58</v>
      </c>
    </row>
    <row r="14" spans="1:11" ht="15" customHeight="1">
      <c r="A14" s="17" t="s">
        <v>25</v>
      </c>
      <c r="B14" s="17"/>
      <c r="C14" s="13">
        <v>31</v>
      </c>
      <c r="D14" s="19">
        <v>17</v>
      </c>
      <c r="E14" s="19">
        <v>14</v>
      </c>
      <c r="F14" s="19"/>
      <c r="G14" s="18" t="s">
        <v>26</v>
      </c>
      <c r="H14" s="17"/>
      <c r="I14" s="13">
        <v>110</v>
      </c>
      <c r="J14" s="19">
        <v>53</v>
      </c>
      <c r="K14" s="19">
        <v>57</v>
      </c>
    </row>
    <row r="15" spans="1:11" ht="15" customHeight="1">
      <c r="A15" s="17" t="s">
        <v>27</v>
      </c>
      <c r="B15" s="17"/>
      <c r="C15" s="13">
        <v>37</v>
      </c>
      <c r="D15" s="19">
        <v>15</v>
      </c>
      <c r="E15" s="19">
        <v>22</v>
      </c>
      <c r="F15" s="19"/>
      <c r="G15" s="18" t="s">
        <v>28</v>
      </c>
      <c r="H15" s="17"/>
      <c r="I15" s="13">
        <v>93</v>
      </c>
      <c r="J15" s="19">
        <v>41</v>
      </c>
      <c r="K15" s="19">
        <v>52</v>
      </c>
    </row>
    <row r="16" spans="1:11" ht="15" customHeight="1">
      <c r="A16" s="17" t="s">
        <v>29</v>
      </c>
      <c r="B16" s="17"/>
      <c r="C16" s="13">
        <v>34</v>
      </c>
      <c r="D16" s="19">
        <v>15</v>
      </c>
      <c r="E16" s="19">
        <v>19</v>
      </c>
      <c r="F16" s="19"/>
      <c r="G16" s="18" t="s">
        <v>30</v>
      </c>
      <c r="H16" s="17"/>
      <c r="I16" s="13">
        <v>109</v>
      </c>
      <c r="J16" s="19">
        <v>57</v>
      </c>
      <c r="K16" s="19">
        <v>52</v>
      </c>
    </row>
    <row r="17" spans="1:11" ht="20.100000000000001" customHeight="1">
      <c r="A17" s="20" t="s">
        <v>31</v>
      </c>
      <c r="B17" s="20"/>
      <c r="C17" s="13">
        <v>183</v>
      </c>
      <c r="D17" s="14">
        <v>91</v>
      </c>
      <c r="E17" s="14">
        <v>92</v>
      </c>
      <c r="F17" s="14"/>
      <c r="G17" s="18" t="s">
        <v>32</v>
      </c>
      <c r="H17" s="17"/>
      <c r="I17" s="13">
        <v>551</v>
      </c>
      <c r="J17" s="14">
        <v>279</v>
      </c>
      <c r="K17" s="14">
        <v>272</v>
      </c>
    </row>
    <row r="18" spans="1:11" ht="15" customHeight="1">
      <c r="A18" s="17" t="s">
        <v>33</v>
      </c>
      <c r="B18" s="17"/>
      <c r="C18" s="13">
        <v>22</v>
      </c>
      <c r="D18" s="19">
        <v>14</v>
      </c>
      <c r="E18" s="19">
        <v>8</v>
      </c>
      <c r="F18" s="19"/>
      <c r="G18" s="18" t="s">
        <v>34</v>
      </c>
      <c r="H18" s="17"/>
      <c r="I18" s="13">
        <v>116</v>
      </c>
      <c r="J18" s="19">
        <v>54</v>
      </c>
      <c r="K18" s="19">
        <v>62</v>
      </c>
    </row>
    <row r="19" spans="1:11" ht="15" customHeight="1">
      <c r="A19" s="17" t="s">
        <v>35</v>
      </c>
      <c r="B19" s="17"/>
      <c r="C19" s="13">
        <v>47</v>
      </c>
      <c r="D19" s="19">
        <v>24</v>
      </c>
      <c r="E19" s="19">
        <v>23</v>
      </c>
      <c r="F19" s="19"/>
      <c r="G19" s="18" t="s">
        <v>36</v>
      </c>
      <c r="H19" s="17"/>
      <c r="I19" s="13">
        <v>100</v>
      </c>
      <c r="J19" s="19">
        <v>55</v>
      </c>
      <c r="K19" s="19">
        <v>45</v>
      </c>
    </row>
    <row r="20" spans="1:11" ht="15" customHeight="1">
      <c r="A20" s="17" t="s">
        <v>37</v>
      </c>
      <c r="B20" s="17"/>
      <c r="C20" s="13">
        <v>40</v>
      </c>
      <c r="D20" s="19">
        <v>18</v>
      </c>
      <c r="E20" s="19">
        <v>22</v>
      </c>
      <c r="F20" s="19"/>
      <c r="G20" s="18" t="s">
        <v>38</v>
      </c>
      <c r="H20" s="17"/>
      <c r="I20" s="13">
        <v>118</v>
      </c>
      <c r="J20" s="19">
        <v>57</v>
      </c>
      <c r="K20" s="19">
        <v>61</v>
      </c>
    </row>
    <row r="21" spans="1:11" ht="15" customHeight="1">
      <c r="A21" s="17" t="s">
        <v>39</v>
      </c>
      <c r="B21" s="17"/>
      <c r="C21" s="13">
        <v>30</v>
      </c>
      <c r="D21" s="19">
        <v>14</v>
      </c>
      <c r="E21" s="19">
        <v>16</v>
      </c>
      <c r="F21" s="19"/>
      <c r="G21" s="18" t="s">
        <v>40</v>
      </c>
      <c r="H21" s="17"/>
      <c r="I21" s="13">
        <v>113</v>
      </c>
      <c r="J21" s="19">
        <v>57</v>
      </c>
      <c r="K21" s="19">
        <v>56</v>
      </c>
    </row>
    <row r="22" spans="1:11" ht="15" customHeight="1">
      <c r="A22" s="17" t="s">
        <v>41</v>
      </c>
      <c r="B22" s="17"/>
      <c r="C22" s="13">
        <v>44</v>
      </c>
      <c r="D22" s="19">
        <v>21</v>
      </c>
      <c r="E22" s="19">
        <v>23</v>
      </c>
      <c r="F22" s="19"/>
      <c r="G22" s="18" t="s">
        <v>42</v>
      </c>
      <c r="H22" s="17"/>
      <c r="I22" s="13">
        <v>104</v>
      </c>
      <c r="J22" s="19">
        <v>56</v>
      </c>
      <c r="K22" s="19">
        <v>48</v>
      </c>
    </row>
    <row r="23" spans="1:11" ht="20.100000000000001" customHeight="1">
      <c r="A23" s="17" t="s">
        <v>43</v>
      </c>
      <c r="B23" s="17"/>
      <c r="C23" s="13">
        <v>259</v>
      </c>
      <c r="D23" s="14">
        <v>134</v>
      </c>
      <c r="E23" s="14">
        <v>125</v>
      </c>
      <c r="F23" s="14"/>
      <c r="G23" s="18" t="s">
        <v>44</v>
      </c>
      <c r="H23" s="17"/>
      <c r="I23" s="13">
        <v>688</v>
      </c>
      <c r="J23" s="14">
        <v>337</v>
      </c>
      <c r="K23" s="14">
        <v>351</v>
      </c>
    </row>
    <row r="24" spans="1:11" ht="15" customHeight="1">
      <c r="A24" s="17" t="s">
        <v>45</v>
      </c>
      <c r="B24" s="17"/>
      <c r="C24" s="13">
        <v>44</v>
      </c>
      <c r="D24" s="19">
        <v>33</v>
      </c>
      <c r="E24" s="19">
        <v>11</v>
      </c>
      <c r="F24" s="19"/>
      <c r="G24" s="18" t="s">
        <v>46</v>
      </c>
      <c r="H24" s="17"/>
      <c r="I24" s="13">
        <v>138</v>
      </c>
      <c r="J24" s="19">
        <v>72</v>
      </c>
      <c r="K24" s="19">
        <v>66</v>
      </c>
    </row>
    <row r="25" spans="1:11" ht="15" customHeight="1">
      <c r="A25" s="17" t="s">
        <v>47</v>
      </c>
      <c r="B25" s="17"/>
      <c r="C25" s="13">
        <v>53</v>
      </c>
      <c r="D25" s="19">
        <v>19</v>
      </c>
      <c r="E25" s="19">
        <v>34</v>
      </c>
      <c r="F25" s="19"/>
      <c r="G25" s="18" t="s">
        <v>48</v>
      </c>
      <c r="H25" s="17"/>
      <c r="I25" s="13">
        <v>121</v>
      </c>
      <c r="J25" s="19">
        <v>57</v>
      </c>
      <c r="K25" s="19">
        <v>64</v>
      </c>
    </row>
    <row r="26" spans="1:11" ht="15" customHeight="1">
      <c r="A26" s="17" t="s">
        <v>49</v>
      </c>
      <c r="B26" s="17"/>
      <c r="C26" s="13">
        <v>58</v>
      </c>
      <c r="D26" s="19">
        <v>31</v>
      </c>
      <c r="E26" s="19">
        <v>27</v>
      </c>
      <c r="F26" s="19"/>
      <c r="G26" s="18" t="s">
        <v>50</v>
      </c>
      <c r="H26" s="17"/>
      <c r="I26" s="13">
        <v>137</v>
      </c>
      <c r="J26" s="19">
        <v>77</v>
      </c>
      <c r="K26" s="19">
        <v>60</v>
      </c>
    </row>
    <row r="27" spans="1:11" ht="15" customHeight="1">
      <c r="A27" s="17" t="s">
        <v>51</v>
      </c>
      <c r="B27" s="17"/>
      <c r="C27" s="13">
        <v>52</v>
      </c>
      <c r="D27" s="19">
        <v>27</v>
      </c>
      <c r="E27" s="19">
        <v>25</v>
      </c>
      <c r="F27" s="19"/>
      <c r="G27" s="18" t="s">
        <v>52</v>
      </c>
      <c r="H27" s="17"/>
      <c r="I27" s="13">
        <v>147</v>
      </c>
      <c r="J27" s="19">
        <v>63</v>
      </c>
      <c r="K27" s="19">
        <v>84</v>
      </c>
    </row>
    <row r="28" spans="1:11" ht="15" customHeight="1">
      <c r="A28" s="17" t="s">
        <v>53</v>
      </c>
      <c r="B28" s="17"/>
      <c r="C28" s="13">
        <v>52</v>
      </c>
      <c r="D28" s="19">
        <v>24</v>
      </c>
      <c r="E28" s="19">
        <v>28</v>
      </c>
      <c r="F28" s="19"/>
      <c r="G28" s="18" t="s">
        <v>54</v>
      </c>
      <c r="H28" s="17"/>
      <c r="I28" s="13">
        <v>145</v>
      </c>
      <c r="J28" s="19">
        <v>68</v>
      </c>
      <c r="K28" s="19">
        <v>77</v>
      </c>
    </row>
    <row r="29" spans="1:11" ht="20.100000000000001" customHeight="1">
      <c r="A29" s="17" t="s">
        <v>55</v>
      </c>
      <c r="B29" s="17"/>
      <c r="C29" s="13">
        <v>235</v>
      </c>
      <c r="D29" s="14">
        <v>104</v>
      </c>
      <c r="E29" s="14">
        <v>131</v>
      </c>
      <c r="F29" s="14"/>
      <c r="G29" s="18" t="s">
        <v>56</v>
      </c>
      <c r="H29" s="17"/>
      <c r="I29" s="13">
        <v>750</v>
      </c>
      <c r="J29" s="14">
        <v>346</v>
      </c>
      <c r="K29" s="14">
        <v>404</v>
      </c>
    </row>
    <row r="30" spans="1:11" ht="15" customHeight="1">
      <c r="A30" s="17" t="s">
        <v>57</v>
      </c>
      <c r="B30" s="17"/>
      <c r="C30" s="13">
        <v>48</v>
      </c>
      <c r="D30" s="19">
        <v>22</v>
      </c>
      <c r="E30" s="19">
        <v>26</v>
      </c>
      <c r="F30" s="19"/>
      <c r="G30" s="18" t="s">
        <v>58</v>
      </c>
      <c r="H30" s="17"/>
      <c r="I30" s="13">
        <v>175</v>
      </c>
      <c r="J30" s="19">
        <v>85</v>
      </c>
      <c r="K30" s="19">
        <v>90</v>
      </c>
    </row>
    <row r="31" spans="1:11" ht="15" customHeight="1">
      <c r="A31" s="17" t="s">
        <v>59</v>
      </c>
      <c r="B31" s="17"/>
      <c r="C31" s="13">
        <v>52</v>
      </c>
      <c r="D31" s="19">
        <v>21</v>
      </c>
      <c r="E31" s="19">
        <v>31</v>
      </c>
      <c r="F31" s="19"/>
      <c r="G31" s="18" t="s">
        <v>60</v>
      </c>
      <c r="H31" s="17"/>
      <c r="I31" s="13">
        <v>178</v>
      </c>
      <c r="J31" s="19">
        <v>87</v>
      </c>
      <c r="K31" s="19">
        <v>91</v>
      </c>
    </row>
    <row r="32" spans="1:11" ht="15" customHeight="1">
      <c r="A32" s="17" t="s">
        <v>61</v>
      </c>
      <c r="B32" s="17"/>
      <c r="C32" s="13">
        <v>46</v>
      </c>
      <c r="D32" s="19">
        <v>23</v>
      </c>
      <c r="E32" s="19">
        <v>23</v>
      </c>
      <c r="F32" s="19"/>
      <c r="G32" s="18" t="s">
        <v>62</v>
      </c>
      <c r="H32" s="17"/>
      <c r="I32" s="13">
        <v>126</v>
      </c>
      <c r="J32" s="19">
        <v>53</v>
      </c>
      <c r="K32" s="19">
        <v>73</v>
      </c>
    </row>
    <row r="33" spans="1:11" ht="15" customHeight="1">
      <c r="A33" s="17" t="s">
        <v>63</v>
      </c>
      <c r="B33" s="17"/>
      <c r="C33" s="13">
        <v>44</v>
      </c>
      <c r="D33" s="19">
        <v>19</v>
      </c>
      <c r="E33" s="19">
        <v>25</v>
      </c>
      <c r="F33" s="19"/>
      <c r="G33" s="18" t="s">
        <v>64</v>
      </c>
      <c r="H33" s="17"/>
      <c r="I33" s="13">
        <v>116</v>
      </c>
      <c r="J33" s="19">
        <v>46</v>
      </c>
      <c r="K33" s="19">
        <v>70</v>
      </c>
    </row>
    <row r="34" spans="1:11" ht="15" customHeight="1">
      <c r="A34" s="17" t="s">
        <v>65</v>
      </c>
      <c r="B34" s="17"/>
      <c r="C34" s="13">
        <v>45</v>
      </c>
      <c r="D34" s="19">
        <v>19</v>
      </c>
      <c r="E34" s="19">
        <v>26</v>
      </c>
      <c r="F34" s="19"/>
      <c r="G34" s="18" t="s">
        <v>66</v>
      </c>
      <c r="H34" s="17"/>
      <c r="I34" s="13">
        <v>155</v>
      </c>
      <c r="J34" s="19">
        <v>75</v>
      </c>
      <c r="K34" s="19">
        <v>80</v>
      </c>
    </row>
    <row r="35" spans="1:11" ht="20.100000000000001" customHeight="1">
      <c r="A35" s="17" t="s">
        <v>67</v>
      </c>
      <c r="B35" s="17"/>
      <c r="C35" s="13">
        <v>177</v>
      </c>
      <c r="D35" s="14">
        <v>93</v>
      </c>
      <c r="E35" s="14">
        <v>84</v>
      </c>
      <c r="F35" s="14"/>
      <c r="G35" s="18" t="s">
        <v>68</v>
      </c>
      <c r="H35" s="17"/>
      <c r="I35" s="13">
        <v>616</v>
      </c>
      <c r="J35" s="14">
        <v>273</v>
      </c>
      <c r="K35" s="14">
        <v>343</v>
      </c>
    </row>
    <row r="36" spans="1:11" ht="15" customHeight="1">
      <c r="A36" s="17" t="s">
        <v>69</v>
      </c>
      <c r="B36" s="17"/>
      <c r="C36" s="13">
        <v>30</v>
      </c>
      <c r="D36" s="19">
        <v>17</v>
      </c>
      <c r="E36" s="19">
        <v>13</v>
      </c>
      <c r="F36" s="19"/>
      <c r="G36" s="18" t="s">
        <v>70</v>
      </c>
      <c r="H36" s="17"/>
      <c r="I36" s="13">
        <v>139</v>
      </c>
      <c r="J36" s="19">
        <v>56</v>
      </c>
      <c r="K36" s="19">
        <v>83</v>
      </c>
    </row>
    <row r="37" spans="1:11" ht="15" customHeight="1">
      <c r="A37" s="17" t="s">
        <v>71</v>
      </c>
      <c r="B37" s="17"/>
      <c r="C37" s="13">
        <v>41</v>
      </c>
      <c r="D37" s="19">
        <v>19</v>
      </c>
      <c r="E37" s="19">
        <v>22</v>
      </c>
      <c r="F37" s="19"/>
      <c r="G37" s="18" t="s">
        <v>72</v>
      </c>
      <c r="H37" s="17"/>
      <c r="I37" s="13">
        <v>117</v>
      </c>
      <c r="J37" s="19">
        <v>54</v>
      </c>
      <c r="K37" s="19">
        <v>63</v>
      </c>
    </row>
    <row r="38" spans="1:11" ht="15" customHeight="1">
      <c r="A38" s="17" t="s">
        <v>73</v>
      </c>
      <c r="B38" s="17"/>
      <c r="C38" s="13">
        <v>30</v>
      </c>
      <c r="D38" s="19">
        <v>20</v>
      </c>
      <c r="E38" s="19">
        <v>10</v>
      </c>
      <c r="F38" s="19"/>
      <c r="G38" s="18" t="s">
        <v>74</v>
      </c>
      <c r="H38" s="17"/>
      <c r="I38" s="13">
        <v>135</v>
      </c>
      <c r="J38" s="19">
        <v>71</v>
      </c>
      <c r="K38" s="19">
        <v>64</v>
      </c>
    </row>
    <row r="39" spans="1:11" ht="15" customHeight="1">
      <c r="A39" s="17" t="s">
        <v>75</v>
      </c>
      <c r="B39" s="17"/>
      <c r="C39" s="13">
        <v>45</v>
      </c>
      <c r="D39" s="19">
        <v>22</v>
      </c>
      <c r="E39" s="19">
        <v>23</v>
      </c>
      <c r="F39" s="19"/>
      <c r="G39" s="18" t="s">
        <v>76</v>
      </c>
      <c r="H39" s="17"/>
      <c r="I39" s="13">
        <v>134</v>
      </c>
      <c r="J39" s="19">
        <v>52</v>
      </c>
      <c r="K39" s="19">
        <v>82</v>
      </c>
    </row>
    <row r="40" spans="1:11" ht="15" customHeight="1">
      <c r="A40" s="17" t="s">
        <v>77</v>
      </c>
      <c r="B40" s="17"/>
      <c r="C40" s="13">
        <v>31</v>
      </c>
      <c r="D40" s="19">
        <v>15</v>
      </c>
      <c r="E40" s="19">
        <v>16</v>
      </c>
      <c r="F40" s="19"/>
      <c r="G40" s="18" t="s">
        <v>78</v>
      </c>
      <c r="H40" s="17"/>
      <c r="I40" s="13">
        <v>91</v>
      </c>
      <c r="J40" s="19">
        <v>40</v>
      </c>
      <c r="K40" s="19">
        <v>51</v>
      </c>
    </row>
    <row r="41" spans="1:11" ht="20.100000000000001" customHeight="1">
      <c r="A41" s="17" t="s">
        <v>79</v>
      </c>
      <c r="B41" s="17"/>
      <c r="C41" s="13">
        <v>242</v>
      </c>
      <c r="D41" s="14">
        <v>116</v>
      </c>
      <c r="E41" s="14">
        <v>126</v>
      </c>
      <c r="F41" s="14"/>
      <c r="G41" s="18" t="s">
        <v>80</v>
      </c>
      <c r="H41" s="17"/>
      <c r="I41" s="13">
        <v>445</v>
      </c>
      <c r="J41" s="14">
        <v>174</v>
      </c>
      <c r="K41" s="14">
        <v>271</v>
      </c>
    </row>
    <row r="42" spans="1:11" ht="15" customHeight="1">
      <c r="A42" s="17" t="s">
        <v>81</v>
      </c>
      <c r="B42" s="17"/>
      <c r="C42" s="13">
        <v>51</v>
      </c>
      <c r="D42" s="19">
        <v>29</v>
      </c>
      <c r="E42" s="19">
        <v>22</v>
      </c>
      <c r="F42" s="19"/>
      <c r="G42" s="18" t="s">
        <v>82</v>
      </c>
      <c r="H42" s="17"/>
      <c r="I42" s="13">
        <v>98</v>
      </c>
      <c r="J42" s="19">
        <v>47</v>
      </c>
      <c r="K42" s="19">
        <v>51</v>
      </c>
    </row>
    <row r="43" spans="1:11" ht="15" customHeight="1">
      <c r="A43" s="17" t="s">
        <v>83</v>
      </c>
      <c r="B43" s="17"/>
      <c r="C43" s="13">
        <v>46</v>
      </c>
      <c r="D43" s="19">
        <v>19</v>
      </c>
      <c r="E43" s="19">
        <v>27</v>
      </c>
      <c r="F43" s="19"/>
      <c r="G43" s="18" t="s">
        <v>84</v>
      </c>
      <c r="H43" s="17"/>
      <c r="I43" s="13">
        <v>94</v>
      </c>
      <c r="J43" s="19">
        <v>36</v>
      </c>
      <c r="K43" s="19">
        <v>58</v>
      </c>
    </row>
    <row r="44" spans="1:11" ht="15" customHeight="1">
      <c r="A44" s="17" t="s">
        <v>85</v>
      </c>
      <c r="B44" s="17"/>
      <c r="C44" s="13">
        <v>38</v>
      </c>
      <c r="D44" s="19">
        <v>12</v>
      </c>
      <c r="E44" s="19">
        <v>26</v>
      </c>
      <c r="F44" s="19"/>
      <c r="G44" s="18" t="s">
        <v>86</v>
      </c>
      <c r="H44" s="17"/>
      <c r="I44" s="13">
        <v>94</v>
      </c>
      <c r="J44" s="19">
        <v>33</v>
      </c>
      <c r="K44" s="19">
        <v>61</v>
      </c>
    </row>
    <row r="45" spans="1:11" ht="15" customHeight="1">
      <c r="A45" s="17" t="s">
        <v>87</v>
      </c>
      <c r="B45" s="17"/>
      <c r="C45" s="13">
        <v>43</v>
      </c>
      <c r="D45" s="19">
        <v>18</v>
      </c>
      <c r="E45" s="19">
        <v>25</v>
      </c>
      <c r="F45" s="19"/>
      <c r="G45" s="18" t="s">
        <v>88</v>
      </c>
      <c r="H45" s="17"/>
      <c r="I45" s="13">
        <v>72</v>
      </c>
      <c r="J45" s="19">
        <v>26</v>
      </c>
      <c r="K45" s="19">
        <v>46</v>
      </c>
    </row>
    <row r="46" spans="1:11" ht="15" customHeight="1">
      <c r="A46" s="17" t="s">
        <v>89</v>
      </c>
      <c r="B46" s="17"/>
      <c r="C46" s="13">
        <v>64</v>
      </c>
      <c r="D46" s="19">
        <v>38</v>
      </c>
      <c r="E46" s="19">
        <v>26</v>
      </c>
      <c r="F46" s="19"/>
      <c r="G46" s="18" t="s">
        <v>90</v>
      </c>
      <c r="H46" s="17"/>
      <c r="I46" s="13">
        <v>87</v>
      </c>
      <c r="J46" s="19">
        <v>32</v>
      </c>
      <c r="K46" s="19">
        <v>55</v>
      </c>
    </row>
    <row r="47" spans="1:11" ht="20.100000000000001" customHeight="1">
      <c r="A47" s="17" t="s">
        <v>91</v>
      </c>
      <c r="B47" s="17"/>
      <c r="C47" s="13">
        <v>239</v>
      </c>
      <c r="D47" s="14">
        <v>131</v>
      </c>
      <c r="E47" s="14">
        <v>108</v>
      </c>
      <c r="F47" s="14"/>
      <c r="G47" s="18" t="s">
        <v>92</v>
      </c>
      <c r="H47" s="17"/>
      <c r="I47" s="13">
        <v>268</v>
      </c>
      <c r="J47" s="14">
        <v>97</v>
      </c>
      <c r="K47" s="14">
        <v>171</v>
      </c>
    </row>
    <row r="48" spans="1:11" ht="15" customHeight="1">
      <c r="A48" s="17" t="s">
        <v>93</v>
      </c>
      <c r="B48" s="17"/>
      <c r="C48" s="13">
        <v>41</v>
      </c>
      <c r="D48" s="19">
        <v>29</v>
      </c>
      <c r="E48" s="19">
        <v>12</v>
      </c>
      <c r="F48" s="19"/>
      <c r="G48" s="18" t="s">
        <v>94</v>
      </c>
      <c r="H48" s="17"/>
      <c r="I48" s="13">
        <v>66</v>
      </c>
      <c r="J48" s="19">
        <v>29</v>
      </c>
      <c r="K48" s="19">
        <v>37</v>
      </c>
    </row>
    <row r="49" spans="1:11" ht="15" customHeight="1">
      <c r="A49" s="17" t="s">
        <v>95</v>
      </c>
      <c r="B49" s="17"/>
      <c r="C49" s="13">
        <v>53</v>
      </c>
      <c r="D49" s="19">
        <v>23</v>
      </c>
      <c r="E49" s="19">
        <v>30</v>
      </c>
      <c r="F49" s="19"/>
      <c r="G49" s="18" t="s">
        <v>96</v>
      </c>
      <c r="H49" s="17"/>
      <c r="I49" s="13">
        <v>55</v>
      </c>
      <c r="J49" s="19">
        <v>19</v>
      </c>
      <c r="K49" s="19">
        <v>36</v>
      </c>
    </row>
    <row r="50" spans="1:11" ht="15" customHeight="1">
      <c r="A50" s="17" t="s">
        <v>97</v>
      </c>
      <c r="B50" s="17"/>
      <c r="C50" s="13">
        <v>59</v>
      </c>
      <c r="D50" s="19">
        <v>36</v>
      </c>
      <c r="E50" s="19">
        <v>23</v>
      </c>
      <c r="F50" s="19"/>
      <c r="G50" s="18" t="s">
        <v>98</v>
      </c>
      <c r="H50" s="17"/>
      <c r="I50" s="13">
        <v>68</v>
      </c>
      <c r="J50" s="19">
        <v>22</v>
      </c>
      <c r="K50" s="19">
        <v>46</v>
      </c>
    </row>
    <row r="51" spans="1:11" ht="15" customHeight="1">
      <c r="A51" s="17" t="s">
        <v>99</v>
      </c>
      <c r="B51" s="17"/>
      <c r="C51" s="13">
        <v>44</v>
      </c>
      <c r="D51" s="19">
        <v>24</v>
      </c>
      <c r="E51" s="19">
        <v>20</v>
      </c>
      <c r="F51" s="19"/>
      <c r="G51" s="18" t="s">
        <v>100</v>
      </c>
      <c r="H51" s="17"/>
      <c r="I51" s="13">
        <v>49</v>
      </c>
      <c r="J51" s="19">
        <v>16</v>
      </c>
      <c r="K51" s="19">
        <v>33</v>
      </c>
    </row>
    <row r="52" spans="1:11" ht="15" customHeight="1">
      <c r="A52" s="17" t="s">
        <v>101</v>
      </c>
      <c r="B52" s="17"/>
      <c r="C52" s="13">
        <v>42</v>
      </c>
      <c r="D52" s="19">
        <v>19</v>
      </c>
      <c r="E52" s="19">
        <v>23</v>
      </c>
      <c r="F52" s="19"/>
      <c r="G52" s="18" t="s">
        <v>102</v>
      </c>
      <c r="H52" s="17"/>
      <c r="I52" s="13">
        <v>30</v>
      </c>
      <c r="J52" s="19">
        <v>11</v>
      </c>
      <c r="K52" s="19">
        <v>19</v>
      </c>
    </row>
    <row r="53" spans="1:11" ht="20.100000000000001" customHeight="1">
      <c r="A53" s="17" t="s">
        <v>103</v>
      </c>
      <c r="B53" s="17"/>
      <c r="C53" s="13">
        <v>326</v>
      </c>
      <c r="D53" s="14">
        <v>157</v>
      </c>
      <c r="E53" s="14">
        <v>169</v>
      </c>
      <c r="F53" s="14"/>
      <c r="G53" s="18" t="s">
        <v>104</v>
      </c>
      <c r="H53" s="17"/>
      <c r="I53" s="13">
        <v>110</v>
      </c>
      <c r="J53" s="14">
        <v>26</v>
      </c>
      <c r="K53" s="14">
        <v>84</v>
      </c>
    </row>
    <row r="54" spans="1:11" ht="15" customHeight="1">
      <c r="A54" s="17" t="s">
        <v>105</v>
      </c>
      <c r="B54" s="17"/>
      <c r="C54" s="13">
        <v>51</v>
      </c>
      <c r="D54" s="19">
        <v>23</v>
      </c>
      <c r="E54" s="19">
        <v>28</v>
      </c>
      <c r="F54" s="19"/>
      <c r="G54" s="18" t="s">
        <v>106</v>
      </c>
      <c r="H54" s="17"/>
      <c r="I54" s="13">
        <v>37</v>
      </c>
      <c r="J54" s="19">
        <v>6</v>
      </c>
      <c r="K54" s="19">
        <v>31</v>
      </c>
    </row>
    <row r="55" spans="1:11" ht="15" customHeight="1">
      <c r="A55" s="17" t="s">
        <v>107</v>
      </c>
      <c r="B55" s="17"/>
      <c r="C55" s="13">
        <v>62</v>
      </c>
      <c r="D55" s="19">
        <v>30</v>
      </c>
      <c r="E55" s="19">
        <v>32</v>
      </c>
      <c r="F55" s="19"/>
      <c r="G55" s="18" t="s">
        <v>108</v>
      </c>
      <c r="H55" s="17"/>
      <c r="I55" s="13">
        <v>26</v>
      </c>
      <c r="J55" s="19">
        <v>9</v>
      </c>
      <c r="K55" s="19">
        <v>17</v>
      </c>
    </row>
    <row r="56" spans="1:11" ht="15" customHeight="1">
      <c r="A56" s="17" t="s">
        <v>109</v>
      </c>
      <c r="B56" s="17"/>
      <c r="C56" s="13">
        <v>75</v>
      </c>
      <c r="D56" s="19">
        <v>31</v>
      </c>
      <c r="E56" s="19">
        <v>44</v>
      </c>
      <c r="F56" s="19"/>
      <c r="G56" s="18" t="s">
        <v>110</v>
      </c>
      <c r="H56" s="17"/>
      <c r="I56" s="13">
        <v>17</v>
      </c>
      <c r="J56" s="19">
        <v>7</v>
      </c>
      <c r="K56" s="19">
        <v>10</v>
      </c>
    </row>
    <row r="57" spans="1:11" ht="15" customHeight="1">
      <c r="A57" s="17" t="s">
        <v>111</v>
      </c>
      <c r="B57" s="17"/>
      <c r="C57" s="13">
        <v>57</v>
      </c>
      <c r="D57" s="19">
        <v>32</v>
      </c>
      <c r="E57" s="19">
        <v>25</v>
      </c>
      <c r="F57" s="19"/>
      <c r="G57" s="18" t="s">
        <v>112</v>
      </c>
      <c r="H57" s="17"/>
      <c r="I57" s="13">
        <v>14</v>
      </c>
      <c r="J57" s="19">
        <v>3</v>
      </c>
      <c r="K57" s="19">
        <v>11</v>
      </c>
    </row>
    <row r="58" spans="1:11" ht="15" customHeight="1">
      <c r="A58" s="17" t="s">
        <v>113</v>
      </c>
      <c r="B58" s="17"/>
      <c r="C58" s="13">
        <v>81</v>
      </c>
      <c r="D58" s="19">
        <v>41</v>
      </c>
      <c r="E58" s="19">
        <v>40</v>
      </c>
      <c r="F58" s="19"/>
      <c r="G58" s="18" t="s">
        <v>114</v>
      </c>
      <c r="H58" s="17"/>
      <c r="I58" s="13">
        <v>16</v>
      </c>
      <c r="J58" s="19">
        <v>1</v>
      </c>
      <c r="K58" s="19">
        <v>15</v>
      </c>
    </row>
    <row r="59" spans="1:11" ht="20.100000000000001" customHeight="1">
      <c r="A59" s="17" t="s">
        <v>115</v>
      </c>
      <c r="B59" s="17"/>
      <c r="C59" s="13">
        <v>450</v>
      </c>
      <c r="D59" s="14">
        <v>220</v>
      </c>
      <c r="E59" s="14">
        <v>230</v>
      </c>
      <c r="F59" s="14"/>
      <c r="G59" s="18" t="s">
        <v>116</v>
      </c>
      <c r="H59" s="17"/>
      <c r="I59" s="13">
        <v>22</v>
      </c>
      <c r="J59" s="14">
        <v>6</v>
      </c>
      <c r="K59" s="14">
        <v>16</v>
      </c>
    </row>
    <row r="60" spans="1:11" ht="15" customHeight="1">
      <c r="A60" s="17" t="s">
        <v>117</v>
      </c>
      <c r="B60" s="17"/>
      <c r="C60" s="13">
        <v>102</v>
      </c>
      <c r="D60" s="19">
        <v>55</v>
      </c>
      <c r="E60" s="19">
        <v>47</v>
      </c>
      <c r="F60" s="19"/>
      <c r="G60" s="18" t="s">
        <v>118</v>
      </c>
      <c r="H60" s="17"/>
      <c r="I60" s="13">
        <v>12</v>
      </c>
      <c r="J60" s="19">
        <v>4</v>
      </c>
      <c r="K60" s="19">
        <v>8</v>
      </c>
    </row>
    <row r="61" spans="1:11" ht="15" customHeight="1">
      <c r="A61" s="17" t="s">
        <v>119</v>
      </c>
      <c r="B61" s="17"/>
      <c r="C61" s="13">
        <v>87</v>
      </c>
      <c r="D61" s="19">
        <v>47</v>
      </c>
      <c r="E61" s="19">
        <v>40</v>
      </c>
      <c r="F61" s="19"/>
      <c r="G61" s="18" t="s">
        <v>120</v>
      </c>
      <c r="H61" s="17"/>
      <c r="I61" s="13">
        <v>1</v>
      </c>
      <c r="J61" s="19">
        <v>1</v>
      </c>
      <c r="K61" s="19">
        <v>0</v>
      </c>
    </row>
    <row r="62" spans="1:11" ht="15" customHeight="1">
      <c r="A62" s="17" t="s">
        <v>121</v>
      </c>
      <c r="B62" s="17"/>
      <c r="C62" s="13">
        <v>88</v>
      </c>
      <c r="D62" s="19">
        <v>40</v>
      </c>
      <c r="E62" s="19">
        <v>48</v>
      </c>
      <c r="F62" s="19"/>
      <c r="G62" s="18" t="s">
        <v>122</v>
      </c>
      <c r="H62" s="17"/>
      <c r="I62" s="13">
        <v>7</v>
      </c>
      <c r="J62" s="19">
        <v>0</v>
      </c>
      <c r="K62" s="19">
        <v>7</v>
      </c>
    </row>
    <row r="63" spans="1:11" ht="15" customHeight="1">
      <c r="A63" s="17" t="s">
        <v>123</v>
      </c>
      <c r="B63" s="17"/>
      <c r="C63" s="13">
        <v>82</v>
      </c>
      <c r="D63" s="19">
        <v>42</v>
      </c>
      <c r="E63" s="19">
        <v>40</v>
      </c>
      <c r="F63" s="19"/>
      <c r="G63" s="18" t="s">
        <v>124</v>
      </c>
      <c r="H63" s="17"/>
      <c r="I63" s="13">
        <v>2</v>
      </c>
      <c r="J63" s="19">
        <v>1</v>
      </c>
      <c r="K63" s="19">
        <v>1</v>
      </c>
    </row>
    <row r="64" spans="1:11" ht="15" customHeight="1">
      <c r="A64" s="17" t="s">
        <v>125</v>
      </c>
      <c r="B64" s="17"/>
      <c r="C64" s="13">
        <v>91</v>
      </c>
      <c r="D64" s="19">
        <v>36</v>
      </c>
      <c r="E64" s="19">
        <v>55</v>
      </c>
      <c r="F64" s="19"/>
      <c r="G64" s="18" t="s">
        <v>126</v>
      </c>
      <c r="H64" s="17"/>
      <c r="I64" s="13">
        <v>0</v>
      </c>
      <c r="J64" s="19">
        <v>0</v>
      </c>
      <c r="K64" s="19">
        <v>0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0</v>
      </c>
      <c r="J65" s="19">
        <v>0</v>
      </c>
      <c r="K65" s="19">
        <v>0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</v>
      </c>
      <c r="J66" s="29">
        <v>0</v>
      </c>
      <c r="K66" s="29">
        <v>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5" pageOrder="overThenDown" orientation="portrait" blackAndWhite="1" useFirstPageNumber="1" horizontalDpi="300" verticalDpi="300"/>
  <headerFooter scaleWithDoc="0"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91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138</v>
      </c>
      <c r="D4" s="14">
        <v>11193</v>
      </c>
      <c r="E4" s="14">
        <v>1294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69</v>
      </c>
      <c r="D5" s="14">
        <v>252</v>
      </c>
      <c r="E5" s="14">
        <v>217</v>
      </c>
      <c r="F5" s="14"/>
      <c r="G5" s="18" t="s">
        <v>8</v>
      </c>
      <c r="H5" s="17"/>
      <c r="I5" s="13">
        <v>1585</v>
      </c>
      <c r="J5" s="14">
        <v>795</v>
      </c>
      <c r="K5" s="14">
        <v>790</v>
      </c>
    </row>
    <row r="6" spans="1:11" ht="15" customHeight="1">
      <c r="A6" s="17" t="s">
        <v>9</v>
      </c>
      <c r="B6" s="17"/>
      <c r="C6" s="13">
        <v>94</v>
      </c>
      <c r="D6" s="19">
        <v>49</v>
      </c>
      <c r="E6" s="19">
        <v>45</v>
      </c>
      <c r="F6" s="19"/>
      <c r="G6" s="18" t="s">
        <v>10</v>
      </c>
      <c r="H6" s="17"/>
      <c r="I6" s="13">
        <v>306</v>
      </c>
      <c r="J6" s="19">
        <v>150</v>
      </c>
      <c r="K6" s="19">
        <v>156</v>
      </c>
    </row>
    <row r="7" spans="1:11" ht="15" customHeight="1">
      <c r="A7" s="17" t="s">
        <v>11</v>
      </c>
      <c r="B7" s="17"/>
      <c r="C7" s="13">
        <v>79</v>
      </c>
      <c r="D7" s="19">
        <v>38</v>
      </c>
      <c r="E7" s="19">
        <v>41</v>
      </c>
      <c r="F7" s="19"/>
      <c r="G7" s="18" t="s">
        <v>12</v>
      </c>
      <c r="H7" s="17"/>
      <c r="I7" s="13">
        <v>340</v>
      </c>
      <c r="J7" s="19">
        <v>159</v>
      </c>
      <c r="K7" s="19">
        <v>181</v>
      </c>
    </row>
    <row r="8" spans="1:11" ht="15" customHeight="1">
      <c r="A8" s="17" t="s">
        <v>13</v>
      </c>
      <c r="B8" s="17"/>
      <c r="C8" s="13">
        <v>90</v>
      </c>
      <c r="D8" s="19">
        <v>48</v>
      </c>
      <c r="E8" s="19">
        <v>42</v>
      </c>
      <c r="F8" s="19"/>
      <c r="G8" s="18" t="s">
        <v>14</v>
      </c>
      <c r="H8" s="17"/>
      <c r="I8" s="13">
        <v>255</v>
      </c>
      <c r="J8" s="19">
        <v>125</v>
      </c>
      <c r="K8" s="19">
        <v>130</v>
      </c>
    </row>
    <row r="9" spans="1:11" ht="15" customHeight="1">
      <c r="A9" s="17" t="s">
        <v>15</v>
      </c>
      <c r="B9" s="17"/>
      <c r="C9" s="13">
        <v>116</v>
      </c>
      <c r="D9" s="19">
        <v>69</v>
      </c>
      <c r="E9" s="19">
        <v>47</v>
      </c>
      <c r="F9" s="19"/>
      <c r="G9" s="18" t="s">
        <v>16</v>
      </c>
      <c r="H9" s="17"/>
      <c r="I9" s="13">
        <v>374</v>
      </c>
      <c r="J9" s="19">
        <v>187</v>
      </c>
      <c r="K9" s="19">
        <v>187</v>
      </c>
    </row>
    <row r="10" spans="1:11" ht="15" customHeight="1">
      <c r="A10" s="17" t="s">
        <v>17</v>
      </c>
      <c r="B10" s="17"/>
      <c r="C10" s="13">
        <v>90</v>
      </c>
      <c r="D10" s="19">
        <v>48</v>
      </c>
      <c r="E10" s="19">
        <v>42</v>
      </c>
      <c r="F10" s="19"/>
      <c r="G10" s="18" t="s">
        <v>18</v>
      </c>
      <c r="H10" s="17"/>
      <c r="I10" s="13">
        <v>310</v>
      </c>
      <c r="J10" s="19">
        <v>174</v>
      </c>
      <c r="K10" s="19">
        <v>136</v>
      </c>
    </row>
    <row r="11" spans="1:11" ht="20.100000000000001" customHeight="1">
      <c r="A11" s="17" t="s">
        <v>19</v>
      </c>
      <c r="B11" s="17"/>
      <c r="C11" s="13">
        <v>680</v>
      </c>
      <c r="D11" s="14">
        <v>346</v>
      </c>
      <c r="E11" s="14">
        <v>334</v>
      </c>
      <c r="F11" s="14"/>
      <c r="G11" s="18" t="s">
        <v>20</v>
      </c>
      <c r="H11" s="17"/>
      <c r="I11" s="13">
        <v>1578</v>
      </c>
      <c r="J11" s="14">
        <v>782</v>
      </c>
      <c r="K11" s="14">
        <v>796</v>
      </c>
    </row>
    <row r="12" spans="1:11" ht="15" customHeight="1">
      <c r="A12" s="17" t="s">
        <v>21</v>
      </c>
      <c r="B12" s="17"/>
      <c r="C12" s="13">
        <v>110</v>
      </c>
      <c r="D12" s="19">
        <v>63</v>
      </c>
      <c r="E12" s="19">
        <v>47</v>
      </c>
      <c r="F12" s="19"/>
      <c r="G12" s="18" t="s">
        <v>22</v>
      </c>
      <c r="H12" s="17"/>
      <c r="I12" s="13">
        <v>334</v>
      </c>
      <c r="J12" s="19">
        <v>166</v>
      </c>
      <c r="K12" s="19">
        <v>168</v>
      </c>
    </row>
    <row r="13" spans="1:11" ht="15" customHeight="1">
      <c r="A13" s="17" t="s">
        <v>23</v>
      </c>
      <c r="B13" s="17"/>
      <c r="C13" s="13">
        <v>133</v>
      </c>
      <c r="D13" s="19">
        <v>62</v>
      </c>
      <c r="E13" s="19">
        <v>71</v>
      </c>
      <c r="F13" s="19"/>
      <c r="G13" s="18" t="s">
        <v>24</v>
      </c>
      <c r="H13" s="17"/>
      <c r="I13" s="13">
        <v>312</v>
      </c>
      <c r="J13" s="19">
        <v>154</v>
      </c>
      <c r="K13" s="19">
        <v>158</v>
      </c>
    </row>
    <row r="14" spans="1:11" ht="15" customHeight="1">
      <c r="A14" s="17" t="s">
        <v>25</v>
      </c>
      <c r="B14" s="17"/>
      <c r="C14" s="13">
        <v>146</v>
      </c>
      <c r="D14" s="19">
        <v>75</v>
      </c>
      <c r="E14" s="19">
        <v>71</v>
      </c>
      <c r="F14" s="19"/>
      <c r="G14" s="18" t="s">
        <v>26</v>
      </c>
      <c r="H14" s="17"/>
      <c r="I14" s="13">
        <v>303</v>
      </c>
      <c r="J14" s="19">
        <v>144</v>
      </c>
      <c r="K14" s="19">
        <v>159</v>
      </c>
    </row>
    <row r="15" spans="1:11" ht="15" customHeight="1">
      <c r="A15" s="17" t="s">
        <v>27</v>
      </c>
      <c r="B15" s="17"/>
      <c r="C15" s="13">
        <v>154</v>
      </c>
      <c r="D15" s="19">
        <v>71</v>
      </c>
      <c r="E15" s="19">
        <v>83</v>
      </c>
      <c r="F15" s="19"/>
      <c r="G15" s="18" t="s">
        <v>28</v>
      </c>
      <c r="H15" s="17"/>
      <c r="I15" s="13">
        <v>272</v>
      </c>
      <c r="J15" s="19">
        <v>146</v>
      </c>
      <c r="K15" s="19">
        <v>126</v>
      </c>
    </row>
    <row r="16" spans="1:11" ht="15" customHeight="1">
      <c r="A16" s="17" t="s">
        <v>29</v>
      </c>
      <c r="B16" s="17"/>
      <c r="C16" s="13">
        <v>137</v>
      </c>
      <c r="D16" s="19">
        <v>75</v>
      </c>
      <c r="E16" s="19">
        <v>62</v>
      </c>
      <c r="F16" s="19"/>
      <c r="G16" s="18" t="s">
        <v>30</v>
      </c>
      <c r="H16" s="17"/>
      <c r="I16" s="13">
        <v>357</v>
      </c>
      <c r="J16" s="19">
        <v>172</v>
      </c>
      <c r="K16" s="19">
        <v>185</v>
      </c>
    </row>
    <row r="17" spans="1:11" ht="20.100000000000001" customHeight="1">
      <c r="A17" s="20" t="s">
        <v>31</v>
      </c>
      <c r="B17" s="20"/>
      <c r="C17" s="13">
        <v>781</v>
      </c>
      <c r="D17" s="14">
        <v>414</v>
      </c>
      <c r="E17" s="14">
        <v>367</v>
      </c>
      <c r="F17" s="14"/>
      <c r="G17" s="18" t="s">
        <v>32</v>
      </c>
      <c r="H17" s="17"/>
      <c r="I17" s="13">
        <v>1680</v>
      </c>
      <c r="J17" s="14">
        <v>818</v>
      </c>
      <c r="K17" s="14">
        <v>862</v>
      </c>
    </row>
    <row r="18" spans="1:11" ht="15" customHeight="1">
      <c r="A18" s="17" t="s">
        <v>33</v>
      </c>
      <c r="B18" s="17"/>
      <c r="C18" s="13">
        <v>157</v>
      </c>
      <c r="D18" s="19">
        <v>75</v>
      </c>
      <c r="E18" s="19">
        <v>82</v>
      </c>
      <c r="F18" s="19"/>
      <c r="G18" s="18" t="s">
        <v>34</v>
      </c>
      <c r="H18" s="17"/>
      <c r="I18" s="13">
        <v>376</v>
      </c>
      <c r="J18" s="19">
        <v>203</v>
      </c>
      <c r="K18" s="19">
        <v>173</v>
      </c>
    </row>
    <row r="19" spans="1:11" ht="15" customHeight="1">
      <c r="A19" s="17" t="s">
        <v>35</v>
      </c>
      <c r="B19" s="17"/>
      <c r="C19" s="13">
        <v>159</v>
      </c>
      <c r="D19" s="19">
        <v>73</v>
      </c>
      <c r="E19" s="19">
        <v>86</v>
      </c>
      <c r="F19" s="19"/>
      <c r="G19" s="18" t="s">
        <v>36</v>
      </c>
      <c r="H19" s="17"/>
      <c r="I19" s="13">
        <v>289</v>
      </c>
      <c r="J19" s="19">
        <v>136</v>
      </c>
      <c r="K19" s="19">
        <v>153</v>
      </c>
    </row>
    <row r="20" spans="1:11" ht="15" customHeight="1">
      <c r="A20" s="17" t="s">
        <v>37</v>
      </c>
      <c r="B20" s="17"/>
      <c r="C20" s="13">
        <v>153</v>
      </c>
      <c r="D20" s="19">
        <v>91</v>
      </c>
      <c r="E20" s="19">
        <v>62</v>
      </c>
      <c r="F20" s="19"/>
      <c r="G20" s="18" t="s">
        <v>38</v>
      </c>
      <c r="H20" s="17"/>
      <c r="I20" s="13">
        <v>298</v>
      </c>
      <c r="J20" s="19">
        <v>147</v>
      </c>
      <c r="K20" s="19">
        <v>151</v>
      </c>
    </row>
    <row r="21" spans="1:11" ht="15" customHeight="1">
      <c r="A21" s="17" t="s">
        <v>39</v>
      </c>
      <c r="B21" s="17"/>
      <c r="C21" s="13">
        <v>143</v>
      </c>
      <c r="D21" s="19">
        <v>79</v>
      </c>
      <c r="E21" s="19">
        <v>64</v>
      </c>
      <c r="F21" s="19"/>
      <c r="G21" s="18" t="s">
        <v>40</v>
      </c>
      <c r="H21" s="17"/>
      <c r="I21" s="13">
        <v>364</v>
      </c>
      <c r="J21" s="19">
        <v>172</v>
      </c>
      <c r="K21" s="19">
        <v>192</v>
      </c>
    </row>
    <row r="22" spans="1:11" ht="15" customHeight="1">
      <c r="A22" s="17" t="s">
        <v>41</v>
      </c>
      <c r="B22" s="17"/>
      <c r="C22" s="13">
        <v>169</v>
      </c>
      <c r="D22" s="19">
        <v>96</v>
      </c>
      <c r="E22" s="19">
        <v>73</v>
      </c>
      <c r="F22" s="19"/>
      <c r="G22" s="18" t="s">
        <v>42</v>
      </c>
      <c r="H22" s="17"/>
      <c r="I22" s="13">
        <v>353</v>
      </c>
      <c r="J22" s="19">
        <v>160</v>
      </c>
      <c r="K22" s="19">
        <v>193</v>
      </c>
    </row>
    <row r="23" spans="1:11" ht="20.100000000000001" customHeight="1">
      <c r="A23" s="17" t="s">
        <v>43</v>
      </c>
      <c r="B23" s="17"/>
      <c r="C23" s="13">
        <v>942</v>
      </c>
      <c r="D23" s="14">
        <v>471</v>
      </c>
      <c r="E23" s="14">
        <v>471</v>
      </c>
      <c r="F23" s="14"/>
      <c r="G23" s="18" t="s">
        <v>44</v>
      </c>
      <c r="H23" s="17"/>
      <c r="I23" s="13">
        <v>2250</v>
      </c>
      <c r="J23" s="14">
        <v>1038</v>
      </c>
      <c r="K23" s="14">
        <v>1212</v>
      </c>
    </row>
    <row r="24" spans="1:11" ht="15" customHeight="1">
      <c r="A24" s="17" t="s">
        <v>45</v>
      </c>
      <c r="B24" s="17"/>
      <c r="C24" s="13">
        <v>176</v>
      </c>
      <c r="D24" s="19">
        <v>82</v>
      </c>
      <c r="E24" s="19">
        <v>94</v>
      </c>
      <c r="F24" s="19"/>
      <c r="G24" s="18" t="s">
        <v>46</v>
      </c>
      <c r="H24" s="17"/>
      <c r="I24" s="13">
        <v>359</v>
      </c>
      <c r="J24" s="19">
        <v>167</v>
      </c>
      <c r="K24" s="19">
        <v>192</v>
      </c>
    </row>
    <row r="25" spans="1:11" ht="15" customHeight="1">
      <c r="A25" s="17" t="s">
        <v>47</v>
      </c>
      <c r="B25" s="17"/>
      <c r="C25" s="13">
        <v>180</v>
      </c>
      <c r="D25" s="19">
        <v>93</v>
      </c>
      <c r="E25" s="19">
        <v>87</v>
      </c>
      <c r="F25" s="19"/>
      <c r="G25" s="18" t="s">
        <v>48</v>
      </c>
      <c r="H25" s="17"/>
      <c r="I25" s="13">
        <v>420</v>
      </c>
      <c r="J25" s="19">
        <v>179</v>
      </c>
      <c r="K25" s="19">
        <v>241</v>
      </c>
    </row>
    <row r="26" spans="1:11" ht="15" customHeight="1">
      <c r="A26" s="17" t="s">
        <v>49</v>
      </c>
      <c r="B26" s="17"/>
      <c r="C26" s="13">
        <v>206</v>
      </c>
      <c r="D26" s="19">
        <v>106</v>
      </c>
      <c r="E26" s="19">
        <v>100</v>
      </c>
      <c r="F26" s="19"/>
      <c r="G26" s="18" t="s">
        <v>50</v>
      </c>
      <c r="H26" s="17"/>
      <c r="I26" s="13">
        <v>444</v>
      </c>
      <c r="J26" s="19">
        <v>194</v>
      </c>
      <c r="K26" s="19">
        <v>250</v>
      </c>
    </row>
    <row r="27" spans="1:11" ht="15" customHeight="1">
      <c r="A27" s="17" t="s">
        <v>51</v>
      </c>
      <c r="B27" s="17"/>
      <c r="C27" s="13">
        <v>184</v>
      </c>
      <c r="D27" s="19">
        <v>92</v>
      </c>
      <c r="E27" s="19">
        <v>92</v>
      </c>
      <c r="F27" s="19"/>
      <c r="G27" s="18" t="s">
        <v>52</v>
      </c>
      <c r="H27" s="17"/>
      <c r="I27" s="13">
        <v>462</v>
      </c>
      <c r="J27" s="19">
        <v>235</v>
      </c>
      <c r="K27" s="19">
        <v>227</v>
      </c>
    </row>
    <row r="28" spans="1:11" ht="15" customHeight="1">
      <c r="A28" s="17" t="s">
        <v>53</v>
      </c>
      <c r="B28" s="17"/>
      <c r="C28" s="13">
        <v>196</v>
      </c>
      <c r="D28" s="19">
        <v>98</v>
      </c>
      <c r="E28" s="19">
        <v>98</v>
      </c>
      <c r="F28" s="19"/>
      <c r="G28" s="18" t="s">
        <v>54</v>
      </c>
      <c r="H28" s="17"/>
      <c r="I28" s="13">
        <v>565</v>
      </c>
      <c r="J28" s="19">
        <v>263</v>
      </c>
      <c r="K28" s="19">
        <v>302</v>
      </c>
    </row>
    <row r="29" spans="1:11" ht="20.100000000000001" customHeight="1">
      <c r="A29" s="17" t="s">
        <v>55</v>
      </c>
      <c r="B29" s="17"/>
      <c r="C29" s="13">
        <v>895</v>
      </c>
      <c r="D29" s="14">
        <v>444</v>
      </c>
      <c r="E29" s="14">
        <v>451</v>
      </c>
      <c r="F29" s="14"/>
      <c r="G29" s="18" t="s">
        <v>56</v>
      </c>
      <c r="H29" s="17"/>
      <c r="I29" s="13">
        <v>2296</v>
      </c>
      <c r="J29" s="14">
        <v>1022</v>
      </c>
      <c r="K29" s="14">
        <v>1274</v>
      </c>
    </row>
    <row r="30" spans="1:11" ht="15" customHeight="1">
      <c r="A30" s="17" t="s">
        <v>57</v>
      </c>
      <c r="B30" s="17"/>
      <c r="C30" s="13">
        <v>207</v>
      </c>
      <c r="D30" s="19">
        <v>96</v>
      </c>
      <c r="E30" s="19">
        <v>111</v>
      </c>
      <c r="F30" s="19"/>
      <c r="G30" s="18" t="s">
        <v>58</v>
      </c>
      <c r="H30" s="17"/>
      <c r="I30" s="13">
        <v>530</v>
      </c>
      <c r="J30" s="19">
        <v>258</v>
      </c>
      <c r="K30" s="19">
        <v>272</v>
      </c>
    </row>
    <row r="31" spans="1:11" ht="15" customHeight="1">
      <c r="A31" s="17" t="s">
        <v>59</v>
      </c>
      <c r="B31" s="17"/>
      <c r="C31" s="13">
        <v>194</v>
      </c>
      <c r="D31" s="19">
        <v>109</v>
      </c>
      <c r="E31" s="19">
        <v>85</v>
      </c>
      <c r="F31" s="19"/>
      <c r="G31" s="18" t="s">
        <v>60</v>
      </c>
      <c r="H31" s="17"/>
      <c r="I31" s="13">
        <v>552</v>
      </c>
      <c r="J31" s="19">
        <v>240</v>
      </c>
      <c r="K31" s="19">
        <v>312</v>
      </c>
    </row>
    <row r="32" spans="1:11" ht="15" customHeight="1">
      <c r="A32" s="17" t="s">
        <v>61</v>
      </c>
      <c r="B32" s="17"/>
      <c r="C32" s="13">
        <v>154</v>
      </c>
      <c r="D32" s="19">
        <v>91</v>
      </c>
      <c r="E32" s="19">
        <v>63</v>
      </c>
      <c r="F32" s="19"/>
      <c r="G32" s="18" t="s">
        <v>62</v>
      </c>
      <c r="H32" s="17"/>
      <c r="I32" s="13">
        <v>360</v>
      </c>
      <c r="J32" s="19">
        <v>148</v>
      </c>
      <c r="K32" s="19">
        <v>212</v>
      </c>
    </row>
    <row r="33" spans="1:11" ht="15" customHeight="1">
      <c r="A33" s="17" t="s">
        <v>63</v>
      </c>
      <c r="B33" s="17"/>
      <c r="C33" s="13">
        <v>162</v>
      </c>
      <c r="D33" s="19">
        <v>56</v>
      </c>
      <c r="E33" s="19">
        <v>106</v>
      </c>
      <c r="F33" s="19"/>
      <c r="G33" s="18" t="s">
        <v>64</v>
      </c>
      <c r="H33" s="17"/>
      <c r="I33" s="13">
        <v>396</v>
      </c>
      <c r="J33" s="19">
        <v>170</v>
      </c>
      <c r="K33" s="19">
        <v>226</v>
      </c>
    </row>
    <row r="34" spans="1:11" ht="15" customHeight="1">
      <c r="A34" s="17" t="s">
        <v>65</v>
      </c>
      <c r="B34" s="17"/>
      <c r="C34" s="13">
        <v>178</v>
      </c>
      <c r="D34" s="19">
        <v>92</v>
      </c>
      <c r="E34" s="19">
        <v>86</v>
      </c>
      <c r="F34" s="19"/>
      <c r="G34" s="18" t="s">
        <v>66</v>
      </c>
      <c r="H34" s="17"/>
      <c r="I34" s="13">
        <v>458</v>
      </c>
      <c r="J34" s="19">
        <v>206</v>
      </c>
      <c r="K34" s="19">
        <v>252</v>
      </c>
    </row>
    <row r="35" spans="1:11" ht="20.100000000000001" customHeight="1">
      <c r="A35" s="17" t="s">
        <v>67</v>
      </c>
      <c r="B35" s="17"/>
      <c r="C35" s="13">
        <v>743</v>
      </c>
      <c r="D35" s="14">
        <v>379</v>
      </c>
      <c r="E35" s="14">
        <v>364</v>
      </c>
      <c r="F35" s="14"/>
      <c r="G35" s="18" t="s">
        <v>68</v>
      </c>
      <c r="H35" s="17"/>
      <c r="I35" s="13">
        <v>2180</v>
      </c>
      <c r="J35" s="14">
        <v>936</v>
      </c>
      <c r="K35" s="14">
        <v>1244</v>
      </c>
    </row>
    <row r="36" spans="1:11" ht="15" customHeight="1">
      <c r="A36" s="17" t="s">
        <v>69</v>
      </c>
      <c r="B36" s="17"/>
      <c r="C36" s="13">
        <v>157</v>
      </c>
      <c r="D36" s="19">
        <v>80</v>
      </c>
      <c r="E36" s="19">
        <v>77</v>
      </c>
      <c r="F36" s="19"/>
      <c r="G36" s="18" t="s">
        <v>70</v>
      </c>
      <c r="H36" s="17"/>
      <c r="I36" s="13">
        <v>519</v>
      </c>
      <c r="J36" s="19">
        <v>232</v>
      </c>
      <c r="K36" s="19">
        <v>287</v>
      </c>
    </row>
    <row r="37" spans="1:11" ht="15" customHeight="1">
      <c r="A37" s="17" t="s">
        <v>71</v>
      </c>
      <c r="B37" s="17"/>
      <c r="C37" s="13">
        <v>157</v>
      </c>
      <c r="D37" s="19">
        <v>68</v>
      </c>
      <c r="E37" s="19">
        <v>89</v>
      </c>
      <c r="F37" s="19"/>
      <c r="G37" s="18" t="s">
        <v>72</v>
      </c>
      <c r="H37" s="17"/>
      <c r="I37" s="13">
        <v>454</v>
      </c>
      <c r="J37" s="19">
        <v>199</v>
      </c>
      <c r="K37" s="19">
        <v>255</v>
      </c>
    </row>
    <row r="38" spans="1:11" ht="15" customHeight="1">
      <c r="A38" s="17" t="s">
        <v>73</v>
      </c>
      <c r="B38" s="17"/>
      <c r="C38" s="13">
        <v>134</v>
      </c>
      <c r="D38" s="19">
        <v>71</v>
      </c>
      <c r="E38" s="19">
        <v>63</v>
      </c>
      <c r="F38" s="19"/>
      <c r="G38" s="18" t="s">
        <v>74</v>
      </c>
      <c r="H38" s="17"/>
      <c r="I38" s="13">
        <v>476</v>
      </c>
      <c r="J38" s="19">
        <v>194</v>
      </c>
      <c r="K38" s="19">
        <v>282</v>
      </c>
    </row>
    <row r="39" spans="1:11" ht="15" customHeight="1">
      <c r="A39" s="17" t="s">
        <v>75</v>
      </c>
      <c r="B39" s="17"/>
      <c r="C39" s="13">
        <v>179</v>
      </c>
      <c r="D39" s="19">
        <v>95</v>
      </c>
      <c r="E39" s="19">
        <v>84</v>
      </c>
      <c r="F39" s="19"/>
      <c r="G39" s="18" t="s">
        <v>76</v>
      </c>
      <c r="H39" s="17"/>
      <c r="I39" s="13">
        <v>384</v>
      </c>
      <c r="J39" s="19">
        <v>162</v>
      </c>
      <c r="K39" s="19">
        <v>222</v>
      </c>
    </row>
    <row r="40" spans="1:11" ht="15" customHeight="1">
      <c r="A40" s="17" t="s">
        <v>77</v>
      </c>
      <c r="B40" s="17"/>
      <c r="C40" s="13">
        <v>116</v>
      </c>
      <c r="D40" s="19">
        <v>65</v>
      </c>
      <c r="E40" s="19">
        <v>51</v>
      </c>
      <c r="F40" s="19"/>
      <c r="G40" s="18" t="s">
        <v>78</v>
      </c>
      <c r="H40" s="17"/>
      <c r="I40" s="13">
        <v>347</v>
      </c>
      <c r="J40" s="19">
        <v>149</v>
      </c>
      <c r="K40" s="19">
        <v>198</v>
      </c>
    </row>
    <row r="41" spans="1:11" ht="20.100000000000001" customHeight="1">
      <c r="A41" s="17" t="s">
        <v>79</v>
      </c>
      <c r="B41" s="17"/>
      <c r="C41" s="13">
        <v>711</v>
      </c>
      <c r="D41" s="14">
        <v>359</v>
      </c>
      <c r="E41" s="14">
        <v>352</v>
      </c>
      <c r="F41" s="14"/>
      <c r="G41" s="18" t="s">
        <v>80</v>
      </c>
      <c r="H41" s="17"/>
      <c r="I41" s="13">
        <v>1583</v>
      </c>
      <c r="J41" s="14">
        <v>613</v>
      </c>
      <c r="K41" s="14">
        <v>970</v>
      </c>
    </row>
    <row r="42" spans="1:11" ht="15" customHeight="1">
      <c r="A42" s="17" t="s">
        <v>81</v>
      </c>
      <c r="B42" s="17"/>
      <c r="C42" s="13">
        <v>123</v>
      </c>
      <c r="D42" s="19">
        <v>49</v>
      </c>
      <c r="E42" s="19">
        <v>74</v>
      </c>
      <c r="F42" s="19"/>
      <c r="G42" s="18" t="s">
        <v>82</v>
      </c>
      <c r="H42" s="17"/>
      <c r="I42" s="13">
        <v>346</v>
      </c>
      <c r="J42" s="19">
        <v>130</v>
      </c>
      <c r="K42" s="19">
        <v>216</v>
      </c>
    </row>
    <row r="43" spans="1:11" ht="15" customHeight="1">
      <c r="A43" s="17" t="s">
        <v>83</v>
      </c>
      <c r="B43" s="17"/>
      <c r="C43" s="13">
        <v>145</v>
      </c>
      <c r="D43" s="19">
        <v>81</v>
      </c>
      <c r="E43" s="19">
        <v>64</v>
      </c>
      <c r="F43" s="19"/>
      <c r="G43" s="18" t="s">
        <v>84</v>
      </c>
      <c r="H43" s="17"/>
      <c r="I43" s="13">
        <v>325</v>
      </c>
      <c r="J43" s="19">
        <v>125</v>
      </c>
      <c r="K43" s="19">
        <v>200</v>
      </c>
    </row>
    <row r="44" spans="1:11" ht="15" customHeight="1">
      <c r="A44" s="17" t="s">
        <v>85</v>
      </c>
      <c r="B44" s="17"/>
      <c r="C44" s="13">
        <v>159</v>
      </c>
      <c r="D44" s="19">
        <v>86</v>
      </c>
      <c r="E44" s="19">
        <v>73</v>
      </c>
      <c r="F44" s="19"/>
      <c r="G44" s="18" t="s">
        <v>86</v>
      </c>
      <c r="H44" s="17"/>
      <c r="I44" s="13">
        <v>324</v>
      </c>
      <c r="J44" s="19">
        <v>137</v>
      </c>
      <c r="K44" s="19">
        <v>187</v>
      </c>
    </row>
    <row r="45" spans="1:11" ht="15" customHeight="1">
      <c r="A45" s="17" t="s">
        <v>87</v>
      </c>
      <c r="B45" s="17"/>
      <c r="C45" s="13">
        <v>132</v>
      </c>
      <c r="D45" s="19">
        <v>69</v>
      </c>
      <c r="E45" s="19">
        <v>63</v>
      </c>
      <c r="F45" s="19"/>
      <c r="G45" s="18" t="s">
        <v>88</v>
      </c>
      <c r="H45" s="17"/>
      <c r="I45" s="13">
        <v>301</v>
      </c>
      <c r="J45" s="19">
        <v>121</v>
      </c>
      <c r="K45" s="19">
        <v>180</v>
      </c>
    </row>
    <row r="46" spans="1:11" ht="15" customHeight="1">
      <c r="A46" s="17" t="s">
        <v>89</v>
      </c>
      <c r="B46" s="17"/>
      <c r="C46" s="13">
        <v>152</v>
      </c>
      <c r="D46" s="19">
        <v>74</v>
      </c>
      <c r="E46" s="19">
        <v>78</v>
      </c>
      <c r="F46" s="19"/>
      <c r="G46" s="18" t="s">
        <v>90</v>
      </c>
      <c r="H46" s="17"/>
      <c r="I46" s="13">
        <v>287</v>
      </c>
      <c r="J46" s="19">
        <v>100</v>
      </c>
      <c r="K46" s="19">
        <v>187</v>
      </c>
    </row>
    <row r="47" spans="1:11" ht="20.100000000000001" customHeight="1">
      <c r="A47" s="17" t="s">
        <v>91</v>
      </c>
      <c r="B47" s="17"/>
      <c r="C47" s="13">
        <v>911</v>
      </c>
      <c r="D47" s="14">
        <v>449</v>
      </c>
      <c r="E47" s="14">
        <v>462</v>
      </c>
      <c r="F47" s="14"/>
      <c r="G47" s="18" t="s">
        <v>92</v>
      </c>
      <c r="H47" s="17"/>
      <c r="I47" s="13">
        <v>1002</v>
      </c>
      <c r="J47" s="14">
        <v>331</v>
      </c>
      <c r="K47" s="14">
        <v>671</v>
      </c>
    </row>
    <row r="48" spans="1:11" ht="15" customHeight="1">
      <c r="A48" s="17" t="s">
        <v>93</v>
      </c>
      <c r="B48" s="17"/>
      <c r="C48" s="13">
        <v>172</v>
      </c>
      <c r="D48" s="19">
        <v>68</v>
      </c>
      <c r="E48" s="19">
        <v>104</v>
      </c>
      <c r="F48" s="19"/>
      <c r="G48" s="18" t="s">
        <v>94</v>
      </c>
      <c r="H48" s="17"/>
      <c r="I48" s="13">
        <v>237</v>
      </c>
      <c r="J48" s="19">
        <v>77</v>
      </c>
      <c r="K48" s="19">
        <v>160</v>
      </c>
    </row>
    <row r="49" spans="1:11" ht="15" customHeight="1">
      <c r="A49" s="17" t="s">
        <v>95</v>
      </c>
      <c r="B49" s="17"/>
      <c r="C49" s="13">
        <v>160</v>
      </c>
      <c r="D49" s="19">
        <v>88</v>
      </c>
      <c r="E49" s="19">
        <v>72</v>
      </c>
      <c r="F49" s="19"/>
      <c r="G49" s="18" t="s">
        <v>96</v>
      </c>
      <c r="H49" s="17"/>
      <c r="I49" s="13">
        <v>226</v>
      </c>
      <c r="J49" s="19">
        <v>85</v>
      </c>
      <c r="K49" s="19">
        <v>141</v>
      </c>
    </row>
    <row r="50" spans="1:11" ht="15" customHeight="1">
      <c r="A50" s="17" t="s">
        <v>97</v>
      </c>
      <c r="B50" s="17"/>
      <c r="C50" s="13">
        <v>148</v>
      </c>
      <c r="D50" s="19">
        <v>78</v>
      </c>
      <c r="E50" s="19">
        <v>70</v>
      </c>
      <c r="F50" s="19"/>
      <c r="G50" s="18" t="s">
        <v>98</v>
      </c>
      <c r="H50" s="17"/>
      <c r="I50" s="13">
        <v>203</v>
      </c>
      <c r="J50" s="19">
        <v>73</v>
      </c>
      <c r="K50" s="19">
        <v>130</v>
      </c>
    </row>
    <row r="51" spans="1:11" ht="15" customHeight="1">
      <c r="A51" s="17" t="s">
        <v>99</v>
      </c>
      <c r="B51" s="17"/>
      <c r="C51" s="13">
        <v>214</v>
      </c>
      <c r="D51" s="19">
        <v>112</v>
      </c>
      <c r="E51" s="19">
        <v>102</v>
      </c>
      <c r="F51" s="19"/>
      <c r="G51" s="18" t="s">
        <v>100</v>
      </c>
      <c r="H51" s="17"/>
      <c r="I51" s="13">
        <v>190</v>
      </c>
      <c r="J51" s="19">
        <v>57</v>
      </c>
      <c r="K51" s="19">
        <v>133</v>
      </c>
    </row>
    <row r="52" spans="1:11" ht="15" customHeight="1">
      <c r="A52" s="17" t="s">
        <v>101</v>
      </c>
      <c r="B52" s="17"/>
      <c r="C52" s="13">
        <v>217</v>
      </c>
      <c r="D52" s="19">
        <v>103</v>
      </c>
      <c r="E52" s="19">
        <v>114</v>
      </c>
      <c r="F52" s="19"/>
      <c r="G52" s="18" t="s">
        <v>102</v>
      </c>
      <c r="H52" s="17"/>
      <c r="I52" s="13">
        <v>146</v>
      </c>
      <c r="J52" s="19">
        <v>39</v>
      </c>
      <c r="K52" s="19">
        <v>107</v>
      </c>
    </row>
    <row r="53" spans="1:11" ht="20.100000000000001" customHeight="1">
      <c r="A53" s="17" t="s">
        <v>103</v>
      </c>
      <c r="B53" s="17"/>
      <c r="C53" s="13">
        <v>1276</v>
      </c>
      <c r="D53" s="14">
        <v>652</v>
      </c>
      <c r="E53" s="14">
        <v>624</v>
      </c>
      <c r="F53" s="14"/>
      <c r="G53" s="18" t="s">
        <v>104</v>
      </c>
      <c r="H53" s="17"/>
      <c r="I53" s="13">
        <v>559</v>
      </c>
      <c r="J53" s="14">
        <v>160</v>
      </c>
      <c r="K53" s="14">
        <v>399</v>
      </c>
    </row>
    <row r="54" spans="1:11" ht="15" customHeight="1">
      <c r="A54" s="17" t="s">
        <v>105</v>
      </c>
      <c r="B54" s="17"/>
      <c r="C54" s="13">
        <v>220</v>
      </c>
      <c r="D54" s="19">
        <v>101</v>
      </c>
      <c r="E54" s="19">
        <v>119</v>
      </c>
      <c r="F54" s="19"/>
      <c r="G54" s="18" t="s">
        <v>106</v>
      </c>
      <c r="H54" s="17"/>
      <c r="I54" s="13">
        <v>151</v>
      </c>
      <c r="J54" s="19">
        <v>47</v>
      </c>
      <c r="K54" s="19">
        <v>104</v>
      </c>
    </row>
    <row r="55" spans="1:11" ht="15" customHeight="1">
      <c r="A55" s="17" t="s">
        <v>107</v>
      </c>
      <c r="B55" s="17"/>
      <c r="C55" s="13">
        <v>208</v>
      </c>
      <c r="D55" s="19">
        <v>101</v>
      </c>
      <c r="E55" s="19">
        <v>107</v>
      </c>
      <c r="F55" s="19"/>
      <c r="G55" s="18" t="s">
        <v>108</v>
      </c>
      <c r="H55" s="17"/>
      <c r="I55" s="13">
        <v>108</v>
      </c>
      <c r="J55" s="19">
        <v>36</v>
      </c>
      <c r="K55" s="19">
        <v>72</v>
      </c>
    </row>
    <row r="56" spans="1:11" ht="15" customHeight="1">
      <c r="A56" s="17" t="s">
        <v>109</v>
      </c>
      <c r="B56" s="17"/>
      <c r="C56" s="13">
        <v>251</v>
      </c>
      <c r="D56" s="19">
        <v>143</v>
      </c>
      <c r="E56" s="19">
        <v>108</v>
      </c>
      <c r="F56" s="19"/>
      <c r="G56" s="18" t="s">
        <v>110</v>
      </c>
      <c r="H56" s="17"/>
      <c r="I56" s="13">
        <v>117</v>
      </c>
      <c r="J56" s="19">
        <v>35</v>
      </c>
      <c r="K56" s="19">
        <v>82</v>
      </c>
    </row>
    <row r="57" spans="1:11" ht="15" customHeight="1">
      <c r="A57" s="17" t="s">
        <v>111</v>
      </c>
      <c r="B57" s="17"/>
      <c r="C57" s="13">
        <v>291</v>
      </c>
      <c r="D57" s="19">
        <v>142</v>
      </c>
      <c r="E57" s="19">
        <v>149</v>
      </c>
      <c r="F57" s="19"/>
      <c r="G57" s="18" t="s">
        <v>112</v>
      </c>
      <c r="H57" s="17"/>
      <c r="I57" s="13">
        <v>97</v>
      </c>
      <c r="J57" s="19">
        <v>16</v>
      </c>
      <c r="K57" s="19">
        <v>81</v>
      </c>
    </row>
    <row r="58" spans="1:11" ht="15" customHeight="1">
      <c r="A58" s="17" t="s">
        <v>113</v>
      </c>
      <c r="B58" s="17"/>
      <c r="C58" s="13">
        <v>306</v>
      </c>
      <c r="D58" s="19">
        <v>165</v>
      </c>
      <c r="E58" s="19">
        <v>141</v>
      </c>
      <c r="F58" s="19"/>
      <c r="G58" s="18" t="s">
        <v>114</v>
      </c>
      <c r="H58" s="17"/>
      <c r="I58" s="13">
        <v>86</v>
      </c>
      <c r="J58" s="19">
        <v>26</v>
      </c>
      <c r="K58" s="19">
        <v>60</v>
      </c>
    </row>
    <row r="59" spans="1:11" ht="20.100000000000001" customHeight="1">
      <c r="A59" s="17" t="s">
        <v>115</v>
      </c>
      <c r="B59" s="17"/>
      <c r="C59" s="13">
        <v>1651</v>
      </c>
      <c r="D59" s="14">
        <v>830</v>
      </c>
      <c r="E59" s="14">
        <v>821</v>
      </c>
      <c r="F59" s="14"/>
      <c r="G59" s="18" t="s">
        <v>116</v>
      </c>
      <c r="H59" s="17"/>
      <c r="I59" s="13">
        <v>182</v>
      </c>
      <c r="J59" s="14">
        <v>37</v>
      </c>
      <c r="K59" s="14">
        <v>145</v>
      </c>
    </row>
    <row r="60" spans="1:11" ht="15" customHeight="1">
      <c r="A60" s="17" t="s">
        <v>117</v>
      </c>
      <c r="B60" s="17"/>
      <c r="C60" s="13">
        <v>302</v>
      </c>
      <c r="D60" s="19">
        <v>165</v>
      </c>
      <c r="E60" s="19">
        <v>137</v>
      </c>
      <c r="F60" s="19"/>
      <c r="G60" s="18" t="s">
        <v>118</v>
      </c>
      <c r="H60" s="17"/>
      <c r="I60" s="13">
        <v>62</v>
      </c>
      <c r="J60" s="19">
        <v>12</v>
      </c>
      <c r="K60" s="19">
        <v>50</v>
      </c>
    </row>
    <row r="61" spans="1:11" ht="15" customHeight="1">
      <c r="A61" s="17" t="s">
        <v>119</v>
      </c>
      <c r="B61" s="17"/>
      <c r="C61" s="13">
        <v>322</v>
      </c>
      <c r="D61" s="19">
        <v>175</v>
      </c>
      <c r="E61" s="19">
        <v>147</v>
      </c>
      <c r="F61" s="19"/>
      <c r="G61" s="18" t="s">
        <v>120</v>
      </c>
      <c r="H61" s="17"/>
      <c r="I61" s="13">
        <v>44</v>
      </c>
      <c r="J61" s="19">
        <v>9</v>
      </c>
      <c r="K61" s="19">
        <v>35</v>
      </c>
    </row>
    <row r="62" spans="1:11" ht="15" customHeight="1">
      <c r="A62" s="17" t="s">
        <v>121</v>
      </c>
      <c r="B62" s="17"/>
      <c r="C62" s="13">
        <v>321</v>
      </c>
      <c r="D62" s="19">
        <v>152</v>
      </c>
      <c r="E62" s="19">
        <v>169</v>
      </c>
      <c r="F62" s="19"/>
      <c r="G62" s="18" t="s">
        <v>122</v>
      </c>
      <c r="H62" s="17"/>
      <c r="I62" s="13">
        <v>31</v>
      </c>
      <c r="J62" s="19">
        <v>6</v>
      </c>
      <c r="K62" s="19">
        <v>25</v>
      </c>
    </row>
    <row r="63" spans="1:11" ht="15" customHeight="1">
      <c r="A63" s="17" t="s">
        <v>123</v>
      </c>
      <c r="B63" s="17"/>
      <c r="C63" s="13">
        <v>352</v>
      </c>
      <c r="D63" s="19">
        <v>169</v>
      </c>
      <c r="E63" s="19">
        <v>183</v>
      </c>
      <c r="F63" s="19"/>
      <c r="G63" s="18" t="s">
        <v>124</v>
      </c>
      <c r="H63" s="17"/>
      <c r="I63" s="13">
        <v>26</v>
      </c>
      <c r="J63" s="19">
        <v>6</v>
      </c>
      <c r="K63" s="19">
        <v>20</v>
      </c>
    </row>
    <row r="64" spans="1:11" ht="15" customHeight="1">
      <c r="A64" s="17" t="s">
        <v>125</v>
      </c>
      <c r="B64" s="17"/>
      <c r="C64" s="13">
        <v>354</v>
      </c>
      <c r="D64" s="19">
        <v>169</v>
      </c>
      <c r="E64" s="19">
        <v>185</v>
      </c>
      <c r="F64" s="19"/>
      <c r="G64" s="18" t="s">
        <v>126</v>
      </c>
      <c r="H64" s="17"/>
      <c r="I64" s="13">
        <v>19</v>
      </c>
      <c r="J64" s="19">
        <v>4</v>
      </c>
      <c r="K64" s="19">
        <v>1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56</v>
      </c>
      <c r="J65" s="19">
        <v>5</v>
      </c>
      <c r="K65" s="19">
        <v>51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28</v>
      </c>
      <c r="J66" s="29">
        <v>60</v>
      </c>
      <c r="K66" s="29">
        <v>68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126" pageOrder="overThenDown" orientation="portrait" blackAndWhite="1" useFirstPageNumber="1" horizontalDpi="300" verticalDpi="300"/>
  <headerFooter scaleWithDoc="0"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8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5342</v>
      </c>
      <c r="D4" s="14">
        <v>97240</v>
      </c>
      <c r="E4" s="14">
        <v>9810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331</v>
      </c>
      <c r="D5" s="14">
        <v>3193</v>
      </c>
      <c r="E5" s="14">
        <v>3138</v>
      </c>
      <c r="F5" s="14"/>
      <c r="G5" s="18" t="s">
        <v>8</v>
      </c>
      <c r="H5" s="17"/>
      <c r="I5" s="13">
        <v>14584</v>
      </c>
      <c r="J5" s="14">
        <v>7655</v>
      </c>
      <c r="K5" s="14">
        <v>6929</v>
      </c>
    </row>
    <row r="6" spans="1:11" ht="15" customHeight="1">
      <c r="A6" s="17" t="s">
        <v>9</v>
      </c>
      <c r="B6" s="17"/>
      <c r="C6" s="13">
        <v>1205</v>
      </c>
      <c r="D6" s="19">
        <v>602</v>
      </c>
      <c r="E6" s="19">
        <v>603</v>
      </c>
      <c r="F6" s="19"/>
      <c r="G6" s="18" t="s">
        <v>10</v>
      </c>
      <c r="H6" s="17"/>
      <c r="I6" s="13">
        <v>3124</v>
      </c>
      <c r="J6" s="19">
        <v>1613</v>
      </c>
      <c r="K6" s="19">
        <v>1511</v>
      </c>
    </row>
    <row r="7" spans="1:11" ht="15" customHeight="1">
      <c r="A7" s="17" t="s">
        <v>11</v>
      </c>
      <c r="B7" s="17"/>
      <c r="C7" s="13">
        <v>1336</v>
      </c>
      <c r="D7" s="19">
        <v>645</v>
      </c>
      <c r="E7" s="19">
        <v>691</v>
      </c>
      <c r="F7" s="19"/>
      <c r="G7" s="18" t="s">
        <v>12</v>
      </c>
      <c r="H7" s="17"/>
      <c r="I7" s="13">
        <v>3282</v>
      </c>
      <c r="J7" s="19">
        <v>1712</v>
      </c>
      <c r="K7" s="19">
        <v>1570</v>
      </c>
    </row>
    <row r="8" spans="1:11" ht="15" customHeight="1">
      <c r="A8" s="17" t="s">
        <v>13</v>
      </c>
      <c r="B8" s="17"/>
      <c r="C8" s="13">
        <v>1264</v>
      </c>
      <c r="D8" s="19">
        <v>651</v>
      </c>
      <c r="E8" s="19">
        <v>613</v>
      </c>
      <c r="F8" s="19"/>
      <c r="G8" s="18" t="s">
        <v>14</v>
      </c>
      <c r="H8" s="17"/>
      <c r="I8" s="13">
        <v>2368</v>
      </c>
      <c r="J8" s="19">
        <v>1240</v>
      </c>
      <c r="K8" s="19">
        <v>1128</v>
      </c>
    </row>
    <row r="9" spans="1:11" ht="15" customHeight="1">
      <c r="A9" s="17" t="s">
        <v>15</v>
      </c>
      <c r="B9" s="17"/>
      <c r="C9" s="13">
        <v>1254</v>
      </c>
      <c r="D9" s="19">
        <v>646</v>
      </c>
      <c r="E9" s="19">
        <v>608</v>
      </c>
      <c r="F9" s="19"/>
      <c r="G9" s="18" t="s">
        <v>16</v>
      </c>
      <c r="H9" s="17"/>
      <c r="I9" s="13">
        <v>3044</v>
      </c>
      <c r="J9" s="19">
        <v>1627</v>
      </c>
      <c r="K9" s="19">
        <v>1417</v>
      </c>
    </row>
    <row r="10" spans="1:11" ht="15" customHeight="1">
      <c r="A10" s="17" t="s">
        <v>17</v>
      </c>
      <c r="B10" s="17"/>
      <c r="C10" s="13">
        <v>1272</v>
      </c>
      <c r="D10" s="19">
        <v>649</v>
      </c>
      <c r="E10" s="19">
        <v>623</v>
      </c>
      <c r="F10" s="19"/>
      <c r="G10" s="18" t="s">
        <v>18</v>
      </c>
      <c r="H10" s="17"/>
      <c r="I10" s="13">
        <v>2766</v>
      </c>
      <c r="J10" s="19">
        <v>1463</v>
      </c>
      <c r="K10" s="19">
        <v>1303</v>
      </c>
    </row>
    <row r="11" spans="1:11" ht="20.100000000000001" customHeight="1">
      <c r="A11" s="17" t="s">
        <v>19</v>
      </c>
      <c r="B11" s="17"/>
      <c r="C11" s="13">
        <v>6582</v>
      </c>
      <c r="D11" s="14">
        <v>3379</v>
      </c>
      <c r="E11" s="14">
        <v>3203</v>
      </c>
      <c r="F11" s="14"/>
      <c r="G11" s="18" t="s">
        <v>20</v>
      </c>
      <c r="H11" s="17"/>
      <c r="I11" s="13">
        <v>12485</v>
      </c>
      <c r="J11" s="14">
        <v>6545</v>
      </c>
      <c r="K11" s="14">
        <v>5940</v>
      </c>
    </row>
    <row r="12" spans="1:11" ht="15" customHeight="1">
      <c r="A12" s="17" t="s">
        <v>21</v>
      </c>
      <c r="B12" s="17"/>
      <c r="C12" s="13">
        <v>1343</v>
      </c>
      <c r="D12" s="19">
        <v>714</v>
      </c>
      <c r="E12" s="19">
        <v>629</v>
      </c>
      <c r="F12" s="19"/>
      <c r="G12" s="18" t="s">
        <v>22</v>
      </c>
      <c r="H12" s="17"/>
      <c r="I12" s="13">
        <v>2736</v>
      </c>
      <c r="J12" s="19">
        <v>1441</v>
      </c>
      <c r="K12" s="19">
        <v>1295</v>
      </c>
    </row>
    <row r="13" spans="1:11" ht="15" customHeight="1">
      <c r="A13" s="17" t="s">
        <v>23</v>
      </c>
      <c r="B13" s="17"/>
      <c r="C13" s="13">
        <v>1329</v>
      </c>
      <c r="D13" s="19">
        <v>680</v>
      </c>
      <c r="E13" s="19">
        <v>649</v>
      </c>
      <c r="F13" s="19"/>
      <c r="G13" s="18" t="s">
        <v>24</v>
      </c>
      <c r="H13" s="17"/>
      <c r="I13" s="13">
        <v>2613</v>
      </c>
      <c r="J13" s="19">
        <v>1363</v>
      </c>
      <c r="K13" s="19">
        <v>1250</v>
      </c>
    </row>
    <row r="14" spans="1:11" ht="15" customHeight="1">
      <c r="A14" s="17" t="s">
        <v>25</v>
      </c>
      <c r="B14" s="17"/>
      <c r="C14" s="13">
        <v>1253</v>
      </c>
      <c r="D14" s="19">
        <v>648</v>
      </c>
      <c r="E14" s="19">
        <v>605</v>
      </c>
      <c r="F14" s="19"/>
      <c r="G14" s="18" t="s">
        <v>26</v>
      </c>
      <c r="H14" s="17"/>
      <c r="I14" s="13">
        <v>2408</v>
      </c>
      <c r="J14" s="19">
        <v>1236</v>
      </c>
      <c r="K14" s="19">
        <v>1172</v>
      </c>
    </row>
    <row r="15" spans="1:11" ht="15" customHeight="1">
      <c r="A15" s="17" t="s">
        <v>27</v>
      </c>
      <c r="B15" s="17"/>
      <c r="C15" s="13">
        <v>1315</v>
      </c>
      <c r="D15" s="19">
        <v>648</v>
      </c>
      <c r="E15" s="19">
        <v>667</v>
      </c>
      <c r="F15" s="19"/>
      <c r="G15" s="18" t="s">
        <v>28</v>
      </c>
      <c r="H15" s="17"/>
      <c r="I15" s="13">
        <v>2413</v>
      </c>
      <c r="J15" s="19">
        <v>1267</v>
      </c>
      <c r="K15" s="19">
        <v>1146</v>
      </c>
    </row>
    <row r="16" spans="1:11" ht="15" customHeight="1">
      <c r="A16" s="17" t="s">
        <v>29</v>
      </c>
      <c r="B16" s="17"/>
      <c r="C16" s="13">
        <v>1342</v>
      </c>
      <c r="D16" s="19">
        <v>689</v>
      </c>
      <c r="E16" s="19">
        <v>653</v>
      </c>
      <c r="F16" s="19"/>
      <c r="G16" s="18" t="s">
        <v>30</v>
      </c>
      <c r="H16" s="17"/>
      <c r="I16" s="13">
        <v>2315</v>
      </c>
      <c r="J16" s="19">
        <v>1238</v>
      </c>
      <c r="K16" s="19">
        <v>1077</v>
      </c>
    </row>
    <row r="17" spans="1:11" ht="20.100000000000001" customHeight="1">
      <c r="A17" s="20" t="s">
        <v>31</v>
      </c>
      <c r="B17" s="20"/>
      <c r="C17" s="13">
        <v>6733</v>
      </c>
      <c r="D17" s="14">
        <v>3461</v>
      </c>
      <c r="E17" s="14">
        <v>3272</v>
      </c>
      <c r="F17" s="14"/>
      <c r="G17" s="18" t="s">
        <v>32</v>
      </c>
      <c r="H17" s="17"/>
      <c r="I17" s="13">
        <v>11324</v>
      </c>
      <c r="J17" s="14">
        <v>5865</v>
      </c>
      <c r="K17" s="14">
        <v>5459</v>
      </c>
    </row>
    <row r="18" spans="1:11" ht="15" customHeight="1">
      <c r="A18" s="17" t="s">
        <v>33</v>
      </c>
      <c r="B18" s="17"/>
      <c r="C18" s="13">
        <v>1372</v>
      </c>
      <c r="D18" s="19">
        <v>700</v>
      </c>
      <c r="E18" s="19">
        <v>672</v>
      </c>
      <c r="F18" s="19"/>
      <c r="G18" s="18" t="s">
        <v>34</v>
      </c>
      <c r="H18" s="17"/>
      <c r="I18" s="13">
        <v>2396</v>
      </c>
      <c r="J18" s="19">
        <v>1244</v>
      </c>
      <c r="K18" s="19">
        <v>1152</v>
      </c>
    </row>
    <row r="19" spans="1:11" ht="15" customHeight="1">
      <c r="A19" s="17" t="s">
        <v>35</v>
      </c>
      <c r="B19" s="17"/>
      <c r="C19" s="13">
        <v>1375</v>
      </c>
      <c r="D19" s="19">
        <v>710</v>
      </c>
      <c r="E19" s="19">
        <v>665</v>
      </c>
      <c r="F19" s="19"/>
      <c r="G19" s="18" t="s">
        <v>36</v>
      </c>
      <c r="H19" s="17"/>
      <c r="I19" s="13">
        <v>2201</v>
      </c>
      <c r="J19" s="19">
        <v>1096</v>
      </c>
      <c r="K19" s="19">
        <v>1105</v>
      </c>
    </row>
    <row r="20" spans="1:11" ht="15" customHeight="1">
      <c r="A20" s="17" t="s">
        <v>37</v>
      </c>
      <c r="B20" s="17"/>
      <c r="C20" s="13">
        <v>1309</v>
      </c>
      <c r="D20" s="19">
        <v>658</v>
      </c>
      <c r="E20" s="19">
        <v>651</v>
      </c>
      <c r="F20" s="19"/>
      <c r="G20" s="18" t="s">
        <v>38</v>
      </c>
      <c r="H20" s="17"/>
      <c r="I20" s="13">
        <v>2156</v>
      </c>
      <c r="J20" s="19">
        <v>1111</v>
      </c>
      <c r="K20" s="19">
        <v>1045</v>
      </c>
    </row>
    <row r="21" spans="1:11" ht="15" customHeight="1">
      <c r="A21" s="17" t="s">
        <v>39</v>
      </c>
      <c r="B21" s="17"/>
      <c r="C21" s="13">
        <v>1318</v>
      </c>
      <c r="D21" s="19">
        <v>705</v>
      </c>
      <c r="E21" s="19">
        <v>613</v>
      </c>
      <c r="F21" s="19"/>
      <c r="G21" s="18" t="s">
        <v>40</v>
      </c>
      <c r="H21" s="17"/>
      <c r="I21" s="13">
        <v>2347</v>
      </c>
      <c r="J21" s="19">
        <v>1227</v>
      </c>
      <c r="K21" s="19">
        <v>1120</v>
      </c>
    </row>
    <row r="22" spans="1:11" ht="15" customHeight="1">
      <c r="A22" s="17" t="s">
        <v>41</v>
      </c>
      <c r="B22" s="17"/>
      <c r="C22" s="13">
        <v>1359</v>
      </c>
      <c r="D22" s="19">
        <v>688</v>
      </c>
      <c r="E22" s="19">
        <v>671</v>
      </c>
      <c r="F22" s="19"/>
      <c r="G22" s="18" t="s">
        <v>42</v>
      </c>
      <c r="H22" s="17"/>
      <c r="I22" s="13">
        <v>2224</v>
      </c>
      <c r="J22" s="19">
        <v>1187</v>
      </c>
      <c r="K22" s="19">
        <v>1037</v>
      </c>
    </row>
    <row r="23" spans="1:11" ht="20.100000000000001" customHeight="1">
      <c r="A23" s="17" t="s">
        <v>43</v>
      </c>
      <c r="B23" s="17"/>
      <c r="C23" s="13">
        <v>7725</v>
      </c>
      <c r="D23" s="14">
        <v>3846</v>
      </c>
      <c r="E23" s="14">
        <v>3879</v>
      </c>
      <c r="F23" s="14"/>
      <c r="G23" s="18" t="s">
        <v>44</v>
      </c>
      <c r="H23" s="17"/>
      <c r="I23" s="13">
        <v>13558</v>
      </c>
      <c r="J23" s="14">
        <v>7004</v>
      </c>
      <c r="K23" s="14">
        <v>6554</v>
      </c>
    </row>
    <row r="24" spans="1:11" ht="15" customHeight="1">
      <c r="A24" s="17" t="s">
        <v>45</v>
      </c>
      <c r="B24" s="17"/>
      <c r="C24" s="13">
        <v>1439</v>
      </c>
      <c r="D24" s="19">
        <v>701</v>
      </c>
      <c r="E24" s="19">
        <v>738</v>
      </c>
      <c r="F24" s="19"/>
      <c r="G24" s="18" t="s">
        <v>46</v>
      </c>
      <c r="H24" s="17"/>
      <c r="I24" s="13">
        <v>2336</v>
      </c>
      <c r="J24" s="19">
        <v>1197</v>
      </c>
      <c r="K24" s="19">
        <v>1139</v>
      </c>
    </row>
    <row r="25" spans="1:11" ht="15" customHeight="1">
      <c r="A25" s="17" t="s">
        <v>47</v>
      </c>
      <c r="B25" s="17"/>
      <c r="C25" s="13">
        <v>1438</v>
      </c>
      <c r="D25" s="19">
        <v>718</v>
      </c>
      <c r="E25" s="19">
        <v>720</v>
      </c>
      <c r="F25" s="19"/>
      <c r="G25" s="18" t="s">
        <v>48</v>
      </c>
      <c r="H25" s="17"/>
      <c r="I25" s="13">
        <v>2458</v>
      </c>
      <c r="J25" s="19">
        <v>1276</v>
      </c>
      <c r="K25" s="19">
        <v>1182</v>
      </c>
    </row>
    <row r="26" spans="1:11" ht="15" customHeight="1">
      <c r="A26" s="17" t="s">
        <v>49</v>
      </c>
      <c r="B26" s="17"/>
      <c r="C26" s="13">
        <v>1490</v>
      </c>
      <c r="D26" s="19">
        <v>769</v>
      </c>
      <c r="E26" s="19">
        <v>721</v>
      </c>
      <c r="F26" s="19"/>
      <c r="G26" s="18" t="s">
        <v>50</v>
      </c>
      <c r="H26" s="17"/>
      <c r="I26" s="13">
        <v>2659</v>
      </c>
      <c r="J26" s="19">
        <v>1385</v>
      </c>
      <c r="K26" s="19">
        <v>1274</v>
      </c>
    </row>
    <row r="27" spans="1:11" ht="15" customHeight="1">
      <c r="A27" s="17" t="s">
        <v>51</v>
      </c>
      <c r="B27" s="17"/>
      <c r="C27" s="13">
        <v>1629</v>
      </c>
      <c r="D27" s="19">
        <v>826</v>
      </c>
      <c r="E27" s="19">
        <v>803</v>
      </c>
      <c r="F27" s="19"/>
      <c r="G27" s="18" t="s">
        <v>52</v>
      </c>
      <c r="H27" s="17"/>
      <c r="I27" s="13">
        <v>2868</v>
      </c>
      <c r="J27" s="19">
        <v>1487</v>
      </c>
      <c r="K27" s="19">
        <v>1381</v>
      </c>
    </row>
    <row r="28" spans="1:11" ht="15" customHeight="1">
      <c r="A28" s="17" t="s">
        <v>53</v>
      </c>
      <c r="B28" s="17"/>
      <c r="C28" s="13">
        <v>1729</v>
      </c>
      <c r="D28" s="19">
        <v>832</v>
      </c>
      <c r="E28" s="19">
        <v>897</v>
      </c>
      <c r="F28" s="19"/>
      <c r="G28" s="18" t="s">
        <v>54</v>
      </c>
      <c r="H28" s="17"/>
      <c r="I28" s="13">
        <v>3237</v>
      </c>
      <c r="J28" s="19">
        <v>1659</v>
      </c>
      <c r="K28" s="19">
        <v>1578</v>
      </c>
    </row>
    <row r="29" spans="1:11" ht="20.100000000000001" customHeight="1">
      <c r="A29" s="17" t="s">
        <v>55</v>
      </c>
      <c r="B29" s="17"/>
      <c r="C29" s="13">
        <v>10576</v>
      </c>
      <c r="D29" s="14">
        <v>5217</v>
      </c>
      <c r="E29" s="14">
        <v>5359</v>
      </c>
      <c r="F29" s="14"/>
      <c r="G29" s="18" t="s">
        <v>56</v>
      </c>
      <c r="H29" s="17"/>
      <c r="I29" s="13">
        <v>12299</v>
      </c>
      <c r="J29" s="14">
        <v>6009</v>
      </c>
      <c r="K29" s="14">
        <v>6290</v>
      </c>
    </row>
    <row r="30" spans="1:11" ht="15" customHeight="1">
      <c r="A30" s="17" t="s">
        <v>57</v>
      </c>
      <c r="B30" s="17"/>
      <c r="C30" s="13">
        <v>1807</v>
      </c>
      <c r="D30" s="19">
        <v>929</v>
      </c>
      <c r="E30" s="19">
        <v>878</v>
      </c>
      <c r="F30" s="19"/>
      <c r="G30" s="18" t="s">
        <v>58</v>
      </c>
      <c r="H30" s="17"/>
      <c r="I30" s="13">
        <v>3186</v>
      </c>
      <c r="J30" s="19">
        <v>1634</v>
      </c>
      <c r="K30" s="19">
        <v>1552</v>
      </c>
    </row>
    <row r="31" spans="1:11" ht="15" customHeight="1">
      <c r="A31" s="17" t="s">
        <v>59</v>
      </c>
      <c r="B31" s="17"/>
      <c r="C31" s="13">
        <v>1974</v>
      </c>
      <c r="D31" s="19">
        <v>986</v>
      </c>
      <c r="E31" s="19">
        <v>988</v>
      </c>
      <c r="F31" s="19"/>
      <c r="G31" s="18" t="s">
        <v>60</v>
      </c>
      <c r="H31" s="17"/>
      <c r="I31" s="13">
        <v>3120</v>
      </c>
      <c r="J31" s="19">
        <v>1553</v>
      </c>
      <c r="K31" s="19">
        <v>1567</v>
      </c>
    </row>
    <row r="32" spans="1:11" ht="15" customHeight="1">
      <c r="A32" s="17" t="s">
        <v>61</v>
      </c>
      <c r="B32" s="17"/>
      <c r="C32" s="13">
        <v>2034</v>
      </c>
      <c r="D32" s="19">
        <v>998</v>
      </c>
      <c r="E32" s="19">
        <v>1036</v>
      </c>
      <c r="F32" s="19"/>
      <c r="G32" s="18" t="s">
        <v>62</v>
      </c>
      <c r="H32" s="17"/>
      <c r="I32" s="13">
        <v>1982</v>
      </c>
      <c r="J32" s="19">
        <v>931</v>
      </c>
      <c r="K32" s="19">
        <v>1051</v>
      </c>
    </row>
    <row r="33" spans="1:11" ht="15" customHeight="1">
      <c r="A33" s="17" t="s">
        <v>63</v>
      </c>
      <c r="B33" s="17"/>
      <c r="C33" s="13">
        <v>2298</v>
      </c>
      <c r="D33" s="19">
        <v>1081</v>
      </c>
      <c r="E33" s="19">
        <v>1217</v>
      </c>
      <c r="F33" s="19"/>
      <c r="G33" s="18" t="s">
        <v>64</v>
      </c>
      <c r="H33" s="17"/>
      <c r="I33" s="13">
        <v>1746</v>
      </c>
      <c r="J33" s="19">
        <v>822</v>
      </c>
      <c r="K33" s="19">
        <v>924</v>
      </c>
    </row>
    <row r="34" spans="1:11" ht="15" customHeight="1">
      <c r="A34" s="17" t="s">
        <v>65</v>
      </c>
      <c r="B34" s="17"/>
      <c r="C34" s="13">
        <v>2463</v>
      </c>
      <c r="D34" s="19">
        <v>1223</v>
      </c>
      <c r="E34" s="19">
        <v>1240</v>
      </c>
      <c r="F34" s="19"/>
      <c r="G34" s="18" t="s">
        <v>66</v>
      </c>
      <c r="H34" s="17"/>
      <c r="I34" s="13">
        <v>2265</v>
      </c>
      <c r="J34" s="19">
        <v>1069</v>
      </c>
      <c r="K34" s="19">
        <v>1196</v>
      </c>
    </row>
    <row r="35" spans="1:11" ht="20.100000000000001" customHeight="1">
      <c r="A35" s="17" t="s">
        <v>67</v>
      </c>
      <c r="B35" s="17"/>
      <c r="C35" s="13">
        <v>11061</v>
      </c>
      <c r="D35" s="14">
        <v>5592</v>
      </c>
      <c r="E35" s="14">
        <v>5469</v>
      </c>
      <c r="F35" s="14"/>
      <c r="G35" s="18" t="s">
        <v>68</v>
      </c>
      <c r="H35" s="17"/>
      <c r="I35" s="13">
        <v>10480</v>
      </c>
      <c r="J35" s="14">
        <v>4583</v>
      </c>
      <c r="K35" s="14">
        <v>5897</v>
      </c>
    </row>
    <row r="36" spans="1:11" ht="15" customHeight="1">
      <c r="A36" s="17" t="s">
        <v>69</v>
      </c>
      <c r="B36" s="17"/>
      <c r="C36" s="13">
        <v>2355</v>
      </c>
      <c r="D36" s="19">
        <v>1217</v>
      </c>
      <c r="E36" s="19">
        <v>1138</v>
      </c>
      <c r="F36" s="19"/>
      <c r="G36" s="18" t="s">
        <v>70</v>
      </c>
      <c r="H36" s="17"/>
      <c r="I36" s="13">
        <v>2356</v>
      </c>
      <c r="J36" s="19">
        <v>1086</v>
      </c>
      <c r="K36" s="19">
        <v>1270</v>
      </c>
    </row>
    <row r="37" spans="1:11" ht="15" customHeight="1">
      <c r="A37" s="17" t="s">
        <v>71</v>
      </c>
      <c r="B37" s="17"/>
      <c r="C37" s="13">
        <v>2243</v>
      </c>
      <c r="D37" s="19">
        <v>1108</v>
      </c>
      <c r="E37" s="19">
        <v>1135</v>
      </c>
      <c r="F37" s="19"/>
      <c r="G37" s="18" t="s">
        <v>72</v>
      </c>
      <c r="H37" s="17"/>
      <c r="I37" s="13">
        <v>2183</v>
      </c>
      <c r="J37" s="19">
        <v>915</v>
      </c>
      <c r="K37" s="19">
        <v>1268</v>
      </c>
    </row>
    <row r="38" spans="1:11" ht="15" customHeight="1">
      <c r="A38" s="17" t="s">
        <v>73</v>
      </c>
      <c r="B38" s="17"/>
      <c r="C38" s="13">
        <v>2159</v>
      </c>
      <c r="D38" s="19">
        <v>1093</v>
      </c>
      <c r="E38" s="19">
        <v>1066</v>
      </c>
      <c r="F38" s="19"/>
      <c r="G38" s="18" t="s">
        <v>74</v>
      </c>
      <c r="H38" s="17"/>
      <c r="I38" s="13">
        <v>2217</v>
      </c>
      <c r="J38" s="19">
        <v>986</v>
      </c>
      <c r="K38" s="19">
        <v>1231</v>
      </c>
    </row>
    <row r="39" spans="1:11" ht="15" customHeight="1">
      <c r="A39" s="17" t="s">
        <v>75</v>
      </c>
      <c r="B39" s="17"/>
      <c r="C39" s="13">
        <v>2147</v>
      </c>
      <c r="D39" s="19">
        <v>1080</v>
      </c>
      <c r="E39" s="19">
        <v>1067</v>
      </c>
      <c r="F39" s="19"/>
      <c r="G39" s="18" t="s">
        <v>76</v>
      </c>
      <c r="H39" s="17"/>
      <c r="I39" s="13">
        <v>1981</v>
      </c>
      <c r="J39" s="19">
        <v>856</v>
      </c>
      <c r="K39" s="19">
        <v>1125</v>
      </c>
    </row>
    <row r="40" spans="1:11" ht="15" customHeight="1">
      <c r="A40" s="17" t="s">
        <v>77</v>
      </c>
      <c r="B40" s="17"/>
      <c r="C40" s="13">
        <v>2157</v>
      </c>
      <c r="D40" s="19">
        <v>1094</v>
      </c>
      <c r="E40" s="19">
        <v>1063</v>
      </c>
      <c r="F40" s="19"/>
      <c r="G40" s="18" t="s">
        <v>78</v>
      </c>
      <c r="H40" s="17"/>
      <c r="I40" s="13">
        <v>1743</v>
      </c>
      <c r="J40" s="19">
        <v>740</v>
      </c>
      <c r="K40" s="19">
        <v>1003</v>
      </c>
    </row>
    <row r="41" spans="1:11" ht="20.100000000000001" customHeight="1">
      <c r="A41" s="17" t="s">
        <v>79</v>
      </c>
      <c r="B41" s="17"/>
      <c r="C41" s="13">
        <v>11731</v>
      </c>
      <c r="D41" s="14">
        <v>6011</v>
      </c>
      <c r="E41" s="14">
        <v>5720</v>
      </c>
      <c r="F41" s="14"/>
      <c r="G41" s="18" t="s">
        <v>80</v>
      </c>
      <c r="H41" s="17"/>
      <c r="I41" s="13">
        <v>7873</v>
      </c>
      <c r="J41" s="14">
        <v>3249</v>
      </c>
      <c r="K41" s="14">
        <v>4624</v>
      </c>
    </row>
    <row r="42" spans="1:11" ht="15" customHeight="1">
      <c r="A42" s="17" t="s">
        <v>81</v>
      </c>
      <c r="B42" s="17"/>
      <c r="C42" s="13">
        <v>2253</v>
      </c>
      <c r="D42" s="19">
        <v>1170</v>
      </c>
      <c r="E42" s="19">
        <v>1083</v>
      </c>
      <c r="F42" s="19"/>
      <c r="G42" s="18" t="s">
        <v>82</v>
      </c>
      <c r="H42" s="17"/>
      <c r="I42" s="13">
        <v>1522</v>
      </c>
      <c r="J42" s="19">
        <v>673</v>
      </c>
      <c r="K42" s="19">
        <v>849</v>
      </c>
    </row>
    <row r="43" spans="1:11" ht="15" customHeight="1">
      <c r="A43" s="17" t="s">
        <v>83</v>
      </c>
      <c r="B43" s="17"/>
      <c r="C43" s="13">
        <v>2320</v>
      </c>
      <c r="D43" s="19">
        <v>1150</v>
      </c>
      <c r="E43" s="19">
        <v>1170</v>
      </c>
      <c r="F43" s="19"/>
      <c r="G43" s="18" t="s">
        <v>84</v>
      </c>
      <c r="H43" s="17"/>
      <c r="I43" s="13">
        <v>1776</v>
      </c>
      <c r="J43" s="19">
        <v>709</v>
      </c>
      <c r="K43" s="19">
        <v>1067</v>
      </c>
    </row>
    <row r="44" spans="1:11" ht="15" customHeight="1">
      <c r="A44" s="17" t="s">
        <v>85</v>
      </c>
      <c r="B44" s="17"/>
      <c r="C44" s="13">
        <v>2300</v>
      </c>
      <c r="D44" s="19">
        <v>1227</v>
      </c>
      <c r="E44" s="19">
        <v>1073</v>
      </c>
      <c r="F44" s="19"/>
      <c r="G44" s="18" t="s">
        <v>86</v>
      </c>
      <c r="H44" s="17"/>
      <c r="I44" s="13">
        <v>1637</v>
      </c>
      <c r="J44" s="19">
        <v>660</v>
      </c>
      <c r="K44" s="19">
        <v>977</v>
      </c>
    </row>
    <row r="45" spans="1:11" ht="15" customHeight="1">
      <c r="A45" s="17" t="s">
        <v>87</v>
      </c>
      <c r="B45" s="17"/>
      <c r="C45" s="13">
        <v>2389</v>
      </c>
      <c r="D45" s="19">
        <v>1178</v>
      </c>
      <c r="E45" s="19">
        <v>1211</v>
      </c>
      <c r="F45" s="19"/>
      <c r="G45" s="18" t="s">
        <v>88</v>
      </c>
      <c r="H45" s="17"/>
      <c r="I45" s="13">
        <v>1594</v>
      </c>
      <c r="J45" s="19">
        <v>663</v>
      </c>
      <c r="K45" s="19">
        <v>931</v>
      </c>
    </row>
    <row r="46" spans="1:11" ht="15" customHeight="1">
      <c r="A46" s="17" t="s">
        <v>89</v>
      </c>
      <c r="B46" s="17"/>
      <c r="C46" s="13">
        <v>2469</v>
      </c>
      <c r="D46" s="19">
        <v>1286</v>
      </c>
      <c r="E46" s="19">
        <v>1183</v>
      </c>
      <c r="F46" s="19"/>
      <c r="G46" s="18" t="s">
        <v>90</v>
      </c>
      <c r="H46" s="17"/>
      <c r="I46" s="13">
        <v>1344</v>
      </c>
      <c r="J46" s="19">
        <v>544</v>
      </c>
      <c r="K46" s="19">
        <v>800</v>
      </c>
    </row>
    <row r="47" spans="1:11" ht="20.100000000000001" customHeight="1">
      <c r="A47" s="17" t="s">
        <v>91</v>
      </c>
      <c r="B47" s="17"/>
      <c r="C47" s="13">
        <v>12419</v>
      </c>
      <c r="D47" s="14">
        <v>6353</v>
      </c>
      <c r="E47" s="14">
        <v>6066</v>
      </c>
      <c r="F47" s="14"/>
      <c r="G47" s="18" t="s">
        <v>92</v>
      </c>
      <c r="H47" s="17"/>
      <c r="I47" s="13">
        <v>4975</v>
      </c>
      <c r="J47" s="14">
        <v>1816</v>
      </c>
      <c r="K47" s="14">
        <v>3159</v>
      </c>
    </row>
    <row r="48" spans="1:11" ht="15" customHeight="1">
      <c r="A48" s="17" t="s">
        <v>93</v>
      </c>
      <c r="B48" s="17"/>
      <c r="C48" s="13">
        <v>2451</v>
      </c>
      <c r="D48" s="19">
        <v>1271</v>
      </c>
      <c r="E48" s="19">
        <v>1180</v>
      </c>
      <c r="F48" s="19"/>
      <c r="G48" s="18" t="s">
        <v>94</v>
      </c>
      <c r="H48" s="17"/>
      <c r="I48" s="13">
        <v>1239</v>
      </c>
      <c r="J48" s="19">
        <v>455</v>
      </c>
      <c r="K48" s="19">
        <v>784</v>
      </c>
    </row>
    <row r="49" spans="1:11" ht="15" customHeight="1">
      <c r="A49" s="17" t="s">
        <v>95</v>
      </c>
      <c r="B49" s="17"/>
      <c r="C49" s="13">
        <v>2394</v>
      </c>
      <c r="D49" s="19">
        <v>1215</v>
      </c>
      <c r="E49" s="19">
        <v>1179</v>
      </c>
      <c r="F49" s="19"/>
      <c r="G49" s="18" t="s">
        <v>96</v>
      </c>
      <c r="H49" s="17"/>
      <c r="I49" s="13">
        <v>1139</v>
      </c>
      <c r="J49" s="19">
        <v>420</v>
      </c>
      <c r="K49" s="19">
        <v>719</v>
      </c>
    </row>
    <row r="50" spans="1:11" ht="15" customHeight="1">
      <c r="A50" s="17" t="s">
        <v>97</v>
      </c>
      <c r="B50" s="17"/>
      <c r="C50" s="13">
        <v>2481</v>
      </c>
      <c r="D50" s="19">
        <v>1281</v>
      </c>
      <c r="E50" s="19">
        <v>1200</v>
      </c>
      <c r="F50" s="19"/>
      <c r="G50" s="18" t="s">
        <v>98</v>
      </c>
      <c r="H50" s="17"/>
      <c r="I50" s="13">
        <v>1022</v>
      </c>
      <c r="J50" s="19">
        <v>382</v>
      </c>
      <c r="K50" s="19">
        <v>640</v>
      </c>
    </row>
    <row r="51" spans="1:11" ht="15" customHeight="1">
      <c r="A51" s="17" t="s">
        <v>99</v>
      </c>
      <c r="B51" s="17"/>
      <c r="C51" s="13">
        <v>2466</v>
      </c>
      <c r="D51" s="19">
        <v>1255</v>
      </c>
      <c r="E51" s="19">
        <v>1211</v>
      </c>
      <c r="F51" s="19"/>
      <c r="G51" s="18" t="s">
        <v>100</v>
      </c>
      <c r="H51" s="17"/>
      <c r="I51" s="13">
        <v>829</v>
      </c>
      <c r="J51" s="19">
        <v>322</v>
      </c>
      <c r="K51" s="19">
        <v>507</v>
      </c>
    </row>
    <row r="52" spans="1:11" ht="15" customHeight="1">
      <c r="A52" s="17" t="s">
        <v>101</v>
      </c>
      <c r="B52" s="17"/>
      <c r="C52" s="13">
        <v>2627</v>
      </c>
      <c r="D52" s="19">
        <v>1331</v>
      </c>
      <c r="E52" s="19">
        <v>1296</v>
      </c>
      <c r="F52" s="19"/>
      <c r="G52" s="18" t="s">
        <v>102</v>
      </c>
      <c r="H52" s="17"/>
      <c r="I52" s="13">
        <v>746</v>
      </c>
      <c r="J52" s="19">
        <v>237</v>
      </c>
      <c r="K52" s="19">
        <v>509</v>
      </c>
    </row>
    <row r="53" spans="1:11" ht="20.100000000000001" customHeight="1">
      <c r="A53" s="17" t="s">
        <v>103</v>
      </c>
      <c r="B53" s="17"/>
      <c r="C53" s="13">
        <v>14002</v>
      </c>
      <c r="D53" s="14">
        <v>7269</v>
      </c>
      <c r="E53" s="14">
        <v>6733</v>
      </c>
      <c r="F53" s="14"/>
      <c r="G53" s="18" t="s">
        <v>104</v>
      </c>
      <c r="H53" s="17"/>
      <c r="I53" s="13">
        <v>2103</v>
      </c>
      <c r="J53" s="14">
        <v>604</v>
      </c>
      <c r="K53" s="14">
        <v>1499</v>
      </c>
    </row>
    <row r="54" spans="1:11" ht="15" customHeight="1">
      <c r="A54" s="17" t="s">
        <v>105</v>
      </c>
      <c r="B54" s="17"/>
      <c r="C54" s="13">
        <v>2652</v>
      </c>
      <c r="D54" s="19">
        <v>1411</v>
      </c>
      <c r="E54" s="19">
        <v>1241</v>
      </c>
      <c r="F54" s="19"/>
      <c r="G54" s="18" t="s">
        <v>106</v>
      </c>
      <c r="H54" s="17"/>
      <c r="I54" s="13">
        <v>651</v>
      </c>
      <c r="J54" s="19">
        <v>207</v>
      </c>
      <c r="K54" s="19">
        <v>444</v>
      </c>
    </row>
    <row r="55" spans="1:11" ht="15" customHeight="1">
      <c r="A55" s="17" t="s">
        <v>107</v>
      </c>
      <c r="B55" s="17"/>
      <c r="C55" s="13">
        <v>2705</v>
      </c>
      <c r="D55" s="19">
        <v>1407</v>
      </c>
      <c r="E55" s="19">
        <v>1298</v>
      </c>
      <c r="F55" s="19"/>
      <c r="G55" s="18" t="s">
        <v>108</v>
      </c>
      <c r="H55" s="17"/>
      <c r="I55" s="13">
        <v>475</v>
      </c>
      <c r="J55" s="19">
        <v>157</v>
      </c>
      <c r="K55" s="19">
        <v>318</v>
      </c>
    </row>
    <row r="56" spans="1:11" ht="15" customHeight="1">
      <c r="A56" s="17" t="s">
        <v>109</v>
      </c>
      <c r="B56" s="17"/>
      <c r="C56" s="13">
        <v>2810</v>
      </c>
      <c r="D56" s="19">
        <v>1457</v>
      </c>
      <c r="E56" s="19">
        <v>1353</v>
      </c>
      <c r="F56" s="19"/>
      <c r="G56" s="18" t="s">
        <v>110</v>
      </c>
      <c r="H56" s="17"/>
      <c r="I56" s="13">
        <v>419</v>
      </c>
      <c r="J56" s="19">
        <v>101</v>
      </c>
      <c r="K56" s="19">
        <v>318</v>
      </c>
    </row>
    <row r="57" spans="1:11" ht="15" customHeight="1">
      <c r="A57" s="17" t="s">
        <v>111</v>
      </c>
      <c r="B57" s="17"/>
      <c r="C57" s="13">
        <v>2831</v>
      </c>
      <c r="D57" s="19">
        <v>1475</v>
      </c>
      <c r="E57" s="19">
        <v>1356</v>
      </c>
      <c r="F57" s="19"/>
      <c r="G57" s="18" t="s">
        <v>112</v>
      </c>
      <c r="H57" s="17"/>
      <c r="I57" s="13">
        <v>329</v>
      </c>
      <c r="J57" s="19">
        <v>79</v>
      </c>
      <c r="K57" s="19">
        <v>250</v>
      </c>
    </row>
    <row r="58" spans="1:11" ht="15" customHeight="1">
      <c r="A58" s="17" t="s">
        <v>113</v>
      </c>
      <c r="B58" s="17"/>
      <c r="C58" s="13">
        <v>3004</v>
      </c>
      <c r="D58" s="19">
        <v>1519</v>
      </c>
      <c r="E58" s="19">
        <v>1485</v>
      </c>
      <c r="F58" s="19"/>
      <c r="G58" s="18" t="s">
        <v>114</v>
      </c>
      <c r="H58" s="17"/>
      <c r="I58" s="13">
        <v>229</v>
      </c>
      <c r="J58" s="19">
        <v>60</v>
      </c>
      <c r="K58" s="19">
        <v>169</v>
      </c>
    </row>
    <row r="59" spans="1:11" ht="20.100000000000001" customHeight="1">
      <c r="A59" s="17" t="s">
        <v>115</v>
      </c>
      <c r="B59" s="17"/>
      <c r="C59" s="13">
        <v>16552</v>
      </c>
      <c r="D59" s="14">
        <v>8573</v>
      </c>
      <c r="E59" s="14">
        <v>7979</v>
      </c>
      <c r="F59" s="14"/>
      <c r="G59" s="18" t="s">
        <v>116</v>
      </c>
      <c r="H59" s="17"/>
      <c r="I59" s="13">
        <v>439</v>
      </c>
      <c r="J59" s="14">
        <v>85</v>
      </c>
      <c r="K59" s="14">
        <v>354</v>
      </c>
    </row>
    <row r="60" spans="1:11" ht="15" customHeight="1">
      <c r="A60" s="17" t="s">
        <v>117</v>
      </c>
      <c r="B60" s="17"/>
      <c r="C60" s="13">
        <v>3326</v>
      </c>
      <c r="D60" s="19">
        <v>1752</v>
      </c>
      <c r="E60" s="19">
        <v>1574</v>
      </c>
      <c r="F60" s="19"/>
      <c r="G60" s="18" t="s">
        <v>118</v>
      </c>
      <c r="H60" s="17"/>
      <c r="I60" s="13">
        <v>178</v>
      </c>
      <c r="J60" s="19">
        <v>46</v>
      </c>
      <c r="K60" s="19">
        <v>132</v>
      </c>
    </row>
    <row r="61" spans="1:11" ht="15" customHeight="1">
      <c r="A61" s="17" t="s">
        <v>119</v>
      </c>
      <c r="B61" s="17"/>
      <c r="C61" s="13">
        <v>3301</v>
      </c>
      <c r="D61" s="19">
        <v>1715</v>
      </c>
      <c r="E61" s="19">
        <v>1586</v>
      </c>
      <c r="F61" s="19"/>
      <c r="G61" s="18" t="s">
        <v>120</v>
      </c>
      <c r="H61" s="17"/>
      <c r="I61" s="13">
        <v>124</v>
      </c>
      <c r="J61" s="19">
        <v>19</v>
      </c>
      <c r="K61" s="19">
        <v>105</v>
      </c>
    </row>
    <row r="62" spans="1:11" ht="15" customHeight="1">
      <c r="A62" s="17" t="s">
        <v>121</v>
      </c>
      <c r="B62" s="17"/>
      <c r="C62" s="13">
        <v>3326</v>
      </c>
      <c r="D62" s="19">
        <v>1685</v>
      </c>
      <c r="E62" s="19">
        <v>1641</v>
      </c>
      <c r="F62" s="19"/>
      <c r="G62" s="18" t="s">
        <v>122</v>
      </c>
      <c r="H62" s="17"/>
      <c r="I62" s="13">
        <v>80</v>
      </c>
      <c r="J62" s="19">
        <v>20</v>
      </c>
      <c r="K62" s="19">
        <v>60</v>
      </c>
    </row>
    <row r="63" spans="1:11" ht="15" customHeight="1">
      <c r="A63" s="17" t="s">
        <v>123</v>
      </c>
      <c r="B63" s="17"/>
      <c r="C63" s="13">
        <v>3255</v>
      </c>
      <c r="D63" s="19">
        <v>1668</v>
      </c>
      <c r="E63" s="19">
        <v>1587</v>
      </c>
      <c r="F63" s="19"/>
      <c r="G63" s="18" t="s">
        <v>124</v>
      </c>
      <c r="H63" s="17"/>
      <c r="I63" s="13">
        <v>42</v>
      </c>
      <c r="J63" s="19">
        <v>0</v>
      </c>
      <c r="K63" s="19">
        <v>42</v>
      </c>
    </row>
    <row r="64" spans="1:11" ht="15" customHeight="1">
      <c r="A64" s="17" t="s">
        <v>125</v>
      </c>
      <c r="B64" s="17"/>
      <c r="C64" s="13">
        <v>3344</v>
      </c>
      <c r="D64" s="19">
        <v>1753</v>
      </c>
      <c r="E64" s="19">
        <v>1591</v>
      </c>
      <c r="F64" s="19"/>
      <c r="G64" s="18" t="s">
        <v>126</v>
      </c>
      <c r="H64" s="17"/>
      <c r="I64" s="13">
        <v>15</v>
      </c>
      <c r="J64" s="19">
        <v>0</v>
      </c>
      <c r="K64" s="19">
        <v>15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25</v>
      </c>
      <c r="J65" s="19">
        <v>6</v>
      </c>
      <c r="K65" s="19">
        <v>19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485</v>
      </c>
      <c r="J66" s="29">
        <v>925</v>
      </c>
      <c r="K66" s="29">
        <v>560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7" pageOrder="overThenDown" orientation="portrait" blackAndWhite="1" useFirstPageNumber="1" horizontalDpi="300" verticalDpi="300"/>
  <headerFooter scaleWithDoc="0"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42" t="s">
        <v>139</v>
      </c>
      <c r="B2" s="42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05577</v>
      </c>
      <c r="D4" s="14">
        <v>102237</v>
      </c>
      <c r="E4" s="14">
        <v>10334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184</v>
      </c>
      <c r="D5" s="14">
        <v>3727</v>
      </c>
      <c r="E5" s="14">
        <v>3457</v>
      </c>
      <c r="F5" s="14"/>
      <c r="G5" s="18" t="s">
        <v>8</v>
      </c>
      <c r="H5" s="17"/>
      <c r="I5" s="13">
        <v>15414</v>
      </c>
      <c r="J5" s="14">
        <v>7967</v>
      </c>
      <c r="K5" s="14">
        <v>7447</v>
      </c>
    </row>
    <row r="6" spans="1:11" ht="15" customHeight="1">
      <c r="A6" s="17" t="s">
        <v>9</v>
      </c>
      <c r="B6" s="17"/>
      <c r="C6" s="13">
        <v>1376</v>
      </c>
      <c r="D6" s="19">
        <v>714</v>
      </c>
      <c r="E6" s="19">
        <v>662</v>
      </c>
      <c r="F6" s="19"/>
      <c r="G6" s="18" t="s">
        <v>10</v>
      </c>
      <c r="H6" s="17"/>
      <c r="I6" s="13">
        <v>3360</v>
      </c>
      <c r="J6" s="19">
        <v>1763</v>
      </c>
      <c r="K6" s="19">
        <v>1597</v>
      </c>
    </row>
    <row r="7" spans="1:11" ht="15" customHeight="1">
      <c r="A7" s="17" t="s">
        <v>11</v>
      </c>
      <c r="B7" s="17"/>
      <c r="C7" s="13">
        <v>1444</v>
      </c>
      <c r="D7" s="19">
        <v>743</v>
      </c>
      <c r="E7" s="19">
        <v>701</v>
      </c>
      <c r="F7" s="19"/>
      <c r="G7" s="18" t="s">
        <v>12</v>
      </c>
      <c r="H7" s="17"/>
      <c r="I7" s="13">
        <v>3353</v>
      </c>
      <c r="J7" s="19">
        <v>1699</v>
      </c>
      <c r="K7" s="19">
        <v>1654</v>
      </c>
    </row>
    <row r="8" spans="1:11" ht="15" customHeight="1">
      <c r="A8" s="17" t="s">
        <v>13</v>
      </c>
      <c r="B8" s="17"/>
      <c r="C8" s="13">
        <v>1534</v>
      </c>
      <c r="D8" s="19">
        <v>805</v>
      </c>
      <c r="E8" s="19">
        <v>729</v>
      </c>
      <c r="F8" s="19"/>
      <c r="G8" s="18" t="s">
        <v>14</v>
      </c>
      <c r="H8" s="17"/>
      <c r="I8" s="13">
        <v>2458</v>
      </c>
      <c r="J8" s="19">
        <v>1237</v>
      </c>
      <c r="K8" s="19">
        <v>1221</v>
      </c>
    </row>
    <row r="9" spans="1:11" ht="15" customHeight="1">
      <c r="A9" s="17" t="s">
        <v>15</v>
      </c>
      <c r="B9" s="17"/>
      <c r="C9" s="13">
        <v>1396</v>
      </c>
      <c r="D9" s="19">
        <v>714</v>
      </c>
      <c r="E9" s="19">
        <v>682</v>
      </c>
      <c r="F9" s="19"/>
      <c r="G9" s="18" t="s">
        <v>16</v>
      </c>
      <c r="H9" s="17"/>
      <c r="I9" s="13">
        <v>3205</v>
      </c>
      <c r="J9" s="19">
        <v>1703</v>
      </c>
      <c r="K9" s="19">
        <v>1502</v>
      </c>
    </row>
    <row r="10" spans="1:11" ht="15" customHeight="1">
      <c r="A10" s="17" t="s">
        <v>17</v>
      </c>
      <c r="B10" s="17"/>
      <c r="C10" s="13">
        <v>1434</v>
      </c>
      <c r="D10" s="19">
        <v>751</v>
      </c>
      <c r="E10" s="19">
        <v>683</v>
      </c>
      <c r="F10" s="19"/>
      <c r="G10" s="18" t="s">
        <v>18</v>
      </c>
      <c r="H10" s="17"/>
      <c r="I10" s="13">
        <v>3038</v>
      </c>
      <c r="J10" s="19">
        <v>1565</v>
      </c>
      <c r="K10" s="19">
        <v>1473</v>
      </c>
    </row>
    <row r="11" spans="1:11" ht="20.100000000000001" customHeight="1">
      <c r="A11" s="17" t="s">
        <v>19</v>
      </c>
      <c r="B11" s="17"/>
      <c r="C11" s="13">
        <v>7448</v>
      </c>
      <c r="D11" s="14">
        <v>3825</v>
      </c>
      <c r="E11" s="14">
        <v>3623</v>
      </c>
      <c r="F11" s="14"/>
      <c r="G11" s="18" t="s">
        <v>20</v>
      </c>
      <c r="H11" s="17"/>
      <c r="I11" s="13">
        <v>13162</v>
      </c>
      <c r="J11" s="14">
        <v>6799</v>
      </c>
      <c r="K11" s="14">
        <v>6363</v>
      </c>
    </row>
    <row r="12" spans="1:11" ht="15" customHeight="1">
      <c r="A12" s="17" t="s">
        <v>21</v>
      </c>
      <c r="B12" s="17"/>
      <c r="C12" s="13">
        <v>1478</v>
      </c>
      <c r="D12" s="19">
        <v>771</v>
      </c>
      <c r="E12" s="19">
        <v>707</v>
      </c>
      <c r="F12" s="19"/>
      <c r="G12" s="18" t="s">
        <v>22</v>
      </c>
      <c r="H12" s="17"/>
      <c r="I12" s="13">
        <v>2918</v>
      </c>
      <c r="J12" s="19">
        <v>1474</v>
      </c>
      <c r="K12" s="19">
        <v>1444</v>
      </c>
    </row>
    <row r="13" spans="1:11" ht="15" customHeight="1">
      <c r="A13" s="17" t="s">
        <v>23</v>
      </c>
      <c r="B13" s="17"/>
      <c r="C13" s="13">
        <v>1462</v>
      </c>
      <c r="D13" s="19">
        <v>751</v>
      </c>
      <c r="E13" s="19">
        <v>711</v>
      </c>
      <c r="F13" s="19"/>
      <c r="G13" s="18" t="s">
        <v>24</v>
      </c>
      <c r="H13" s="17"/>
      <c r="I13" s="13">
        <v>2782</v>
      </c>
      <c r="J13" s="19">
        <v>1420</v>
      </c>
      <c r="K13" s="19">
        <v>1362</v>
      </c>
    </row>
    <row r="14" spans="1:11" ht="15" customHeight="1">
      <c r="A14" s="17" t="s">
        <v>25</v>
      </c>
      <c r="B14" s="17"/>
      <c r="C14" s="13">
        <v>1471</v>
      </c>
      <c r="D14" s="19">
        <v>760</v>
      </c>
      <c r="E14" s="19">
        <v>711</v>
      </c>
      <c r="F14" s="19"/>
      <c r="G14" s="18" t="s">
        <v>26</v>
      </c>
      <c r="H14" s="17"/>
      <c r="I14" s="13">
        <v>2532</v>
      </c>
      <c r="J14" s="19">
        <v>1320</v>
      </c>
      <c r="K14" s="19">
        <v>1212</v>
      </c>
    </row>
    <row r="15" spans="1:11" ht="15" customHeight="1">
      <c r="A15" s="17" t="s">
        <v>27</v>
      </c>
      <c r="B15" s="17"/>
      <c r="C15" s="13">
        <v>1524</v>
      </c>
      <c r="D15" s="19">
        <v>770</v>
      </c>
      <c r="E15" s="19">
        <v>754</v>
      </c>
      <c r="F15" s="19"/>
      <c r="G15" s="18" t="s">
        <v>28</v>
      </c>
      <c r="H15" s="17"/>
      <c r="I15" s="13">
        <v>2492</v>
      </c>
      <c r="J15" s="19">
        <v>1332</v>
      </c>
      <c r="K15" s="19">
        <v>1160</v>
      </c>
    </row>
    <row r="16" spans="1:11" ht="15" customHeight="1">
      <c r="A16" s="17" t="s">
        <v>29</v>
      </c>
      <c r="B16" s="17"/>
      <c r="C16" s="13">
        <v>1513</v>
      </c>
      <c r="D16" s="19">
        <v>773</v>
      </c>
      <c r="E16" s="19">
        <v>740</v>
      </c>
      <c r="F16" s="19"/>
      <c r="G16" s="18" t="s">
        <v>30</v>
      </c>
      <c r="H16" s="17"/>
      <c r="I16" s="13">
        <v>2438</v>
      </c>
      <c r="J16" s="19">
        <v>1253</v>
      </c>
      <c r="K16" s="19">
        <v>1185</v>
      </c>
    </row>
    <row r="17" spans="1:11" ht="20.100000000000001" customHeight="1">
      <c r="A17" s="20" t="s">
        <v>31</v>
      </c>
      <c r="B17" s="20"/>
      <c r="C17" s="13">
        <v>7838</v>
      </c>
      <c r="D17" s="14">
        <v>3957</v>
      </c>
      <c r="E17" s="14">
        <v>3881</v>
      </c>
      <c r="F17" s="14"/>
      <c r="G17" s="18" t="s">
        <v>32</v>
      </c>
      <c r="H17" s="17"/>
      <c r="I17" s="13">
        <v>11188</v>
      </c>
      <c r="J17" s="14">
        <v>5652</v>
      </c>
      <c r="K17" s="14">
        <v>5536</v>
      </c>
    </row>
    <row r="18" spans="1:11" ht="15" customHeight="1">
      <c r="A18" s="17" t="s">
        <v>33</v>
      </c>
      <c r="B18" s="17"/>
      <c r="C18" s="13">
        <v>1539</v>
      </c>
      <c r="D18" s="19">
        <v>788</v>
      </c>
      <c r="E18" s="19">
        <v>751</v>
      </c>
      <c r="F18" s="19"/>
      <c r="G18" s="18" t="s">
        <v>34</v>
      </c>
      <c r="H18" s="17"/>
      <c r="I18" s="13">
        <v>2293</v>
      </c>
      <c r="J18" s="19">
        <v>1159</v>
      </c>
      <c r="K18" s="19">
        <v>1134</v>
      </c>
    </row>
    <row r="19" spans="1:11" ht="15" customHeight="1">
      <c r="A19" s="17" t="s">
        <v>35</v>
      </c>
      <c r="B19" s="17"/>
      <c r="C19" s="13">
        <v>1598</v>
      </c>
      <c r="D19" s="19">
        <v>788</v>
      </c>
      <c r="E19" s="19">
        <v>810</v>
      </c>
      <c r="F19" s="19"/>
      <c r="G19" s="18" t="s">
        <v>36</v>
      </c>
      <c r="H19" s="17"/>
      <c r="I19" s="13">
        <v>2227</v>
      </c>
      <c r="J19" s="19">
        <v>1134</v>
      </c>
      <c r="K19" s="19">
        <v>1093</v>
      </c>
    </row>
    <row r="20" spans="1:11" ht="15" customHeight="1">
      <c r="A20" s="17" t="s">
        <v>37</v>
      </c>
      <c r="B20" s="17"/>
      <c r="C20" s="13">
        <v>1532</v>
      </c>
      <c r="D20" s="19">
        <v>746</v>
      </c>
      <c r="E20" s="19">
        <v>786</v>
      </c>
      <c r="F20" s="19"/>
      <c r="G20" s="18" t="s">
        <v>38</v>
      </c>
      <c r="H20" s="17"/>
      <c r="I20" s="13">
        <v>2258</v>
      </c>
      <c r="J20" s="19">
        <v>1164</v>
      </c>
      <c r="K20" s="19">
        <v>1094</v>
      </c>
    </row>
    <row r="21" spans="1:11" ht="15" customHeight="1">
      <c r="A21" s="17" t="s">
        <v>39</v>
      </c>
      <c r="B21" s="17"/>
      <c r="C21" s="13">
        <v>1533</v>
      </c>
      <c r="D21" s="19">
        <v>800</v>
      </c>
      <c r="E21" s="19">
        <v>733</v>
      </c>
      <c r="F21" s="19"/>
      <c r="G21" s="18" t="s">
        <v>40</v>
      </c>
      <c r="H21" s="17"/>
      <c r="I21" s="13">
        <v>2184</v>
      </c>
      <c r="J21" s="19">
        <v>1118</v>
      </c>
      <c r="K21" s="19">
        <v>1066</v>
      </c>
    </row>
    <row r="22" spans="1:11" ht="15" customHeight="1">
      <c r="A22" s="17" t="s">
        <v>41</v>
      </c>
      <c r="B22" s="17"/>
      <c r="C22" s="13">
        <v>1636</v>
      </c>
      <c r="D22" s="19">
        <v>835</v>
      </c>
      <c r="E22" s="19">
        <v>801</v>
      </c>
      <c r="F22" s="19"/>
      <c r="G22" s="18" t="s">
        <v>42</v>
      </c>
      <c r="H22" s="17"/>
      <c r="I22" s="13">
        <v>2226</v>
      </c>
      <c r="J22" s="19">
        <v>1077</v>
      </c>
      <c r="K22" s="19">
        <v>1149</v>
      </c>
    </row>
    <row r="23" spans="1:11" ht="20.100000000000001" customHeight="1">
      <c r="A23" s="17" t="s">
        <v>43</v>
      </c>
      <c r="B23" s="17"/>
      <c r="C23" s="13">
        <v>9135</v>
      </c>
      <c r="D23" s="14">
        <v>4734</v>
      </c>
      <c r="E23" s="14">
        <v>4401</v>
      </c>
      <c r="F23" s="14"/>
      <c r="G23" s="18" t="s">
        <v>44</v>
      </c>
      <c r="H23" s="17"/>
      <c r="I23" s="13">
        <v>13259</v>
      </c>
      <c r="J23" s="14">
        <v>6442</v>
      </c>
      <c r="K23" s="14">
        <v>6817</v>
      </c>
    </row>
    <row r="24" spans="1:11" ht="15" customHeight="1">
      <c r="A24" s="17" t="s">
        <v>45</v>
      </c>
      <c r="B24" s="17"/>
      <c r="C24" s="13">
        <v>1695</v>
      </c>
      <c r="D24" s="19">
        <v>881</v>
      </c>
      <c r="E24" s="19">
        <v>814</v>
      </c>
      <c r="F24" s="19"/>
      <c r="G24" s="18" t="s">
        <v>46</v>
      </c>
      <c r="H24" s="17"/>
      <c r="I24" s="13">
        <v>2269</v>
      </c>
      <c r="J24" s="19">
        <v>1097</v>
      </c>
      <c r="K24" s="19">
        <v>1172</v>
      </c>
    </row>
    <row r="25" spans="1:11" ht="15" customHeight="1">
      <c r="A25" s="17" t="s">
        <v>47</v>
      </c>
      <c r="B25" s="17"/>
      <c r="C25" s="13">
        <v>1740</v>
      </c>
      <c r="D25" s="19">
        <v>891</v>
      </c>
      <c r="E25" s="19">
        <v>849</v>
      </c>
      <c r="F25" s="19"/>
      <c r="G25" s="18" t="s">
        <v>48</v>
      </c>
      <c r="H25" s="17"/>
      <c r="I25" s="13">
        <v>2468</v>
      </c>
      <c r="J25" s="19">
        <v>1233</v>
      </c>
      <c r="K25" s="19">
        <v>1235</v>
      </c>
    </row>
    <row r="26" spans="1:11" ht="15" customHeight="1">
      <c r="A26" s="17" t="s">
        <v>49</v>
      </c>
      <c r="B26" s="17"/>
      <c r="C26" s="13">
        <v>1801</v>
      </c>
      <c r="D26" s="19">
        <v>953</v>
      </c>
      <c r="E26" s="19">
        <v>848</v>
      </c>
      <c r="F26" s="19"/>
      <c r="G26" s="18" t="s">
        <v>50</v>
      </c>
      <c r="H26" s="17"/>
      <c r="I26" s="13">
        <v>2575</v>
      </c>
      <c r="J26" s="19">
        <v>1283</v>
      </c>
      <c r="K26" s="19">
        <v>1292</v>
      </c>
    </row>
    <row r="27" spans="1:11" ht="15" customHeight="1">
      <c r="A27" s="17" t="s">
        <v>51</v>
      </c>
      <c r="B27" s="17"/>
      <c r="C27" s="13">
        <v>1884</v>
      </c>
      <c r="D27" s="19">
        <v>960</v>
      </c>
      <c r="E27" s="19">
        <v>924</v>
      </c>
      <c r="F27" s="19"/>
      <c r="G27" s="18" t="s">
        <v>52</v>
      </c>
      <c r="H27" s="17"/>
      <c r="I27" s="13">
        <v>2768</v>
      </c>
      <c r="J27" s="19">
        <v>1351</v>
      </c>
      <c r="K27" s="19">
        <v>1417</v>
      </c>
    </row>
    <row r="28" spans="1:11" ht="15" customHeight="1">
      <c r="A28" s="17" t="s">
        <v>53</v>
      </c>
      <c r="B28" s="17"/>
      <c r="C28" s="13">
        <v>2015</v>
      </c>
      <c r="D28" s="19">
        <v>1049</v>
      </c>
      <c r="E28" s="19">
        <v>966</v>
      </c>
      <c r="F28" s="19"/>
      <c r="G28" s="18" t="s">
        <v>54</v>
      </c>
      <c r="H28" s="17"/>
      <c r="I28" s="13">
        <v>3179</v>
      </c>
      <c r="J28" s="19">
        <v>1478</v>
      </c>
      <c r="K28" s="19">
        <v>1701</v>
      </c>
    </row>
    <row r="29" spans="1:11" ht="20.100000000000001" customHeight="1">
      <c r="A29" s="17" t="s">
        <v>55</v>
      </c>
      <c r="B29" s="17"/>
      <c r="C29" s="13">
        <v>12772</v>
      </c>
      <c r="D29" s="14">
        <v>6803</v>
      </c>
      <c r="E29" s="14">
        <v>5969</v>
      </c>
      <c r="F29" s="14"/>
      <c r="G29" s="18" t="s">
        <v>56</v>
      </c>
      <c r="H29" s="17"/>
      <c r="I29" s="13">
        <v>12230</v>
      </c>
      <c r="J29" s="14">
        <v>5679</v>
      </c>
      <c r="K29" s="14">
        <v>6551</v>
      </c>
    </row>
    <row r="30" spans="1:11" ht="15" customHeight="1">
      <c r="A30" s="17" t="s">
        <v>57</v>
      </c>
      <c r="B30" s="17"/>
      <c r="C30" s="13">
        <v>2155</v>
      </c>
      <c r="D30" s="19">
        <v>1118</v>
      </c>
      <c r="E30" s="19">
        <v>1037</v>
      </c>
      <c r="F30" s="19"/>
      <c r="G30" s="18" t="s">
        <v>58</v>
      </c>
      <c r="H30" s="17"/>
      <c r="I30" s="13">
        <v>3012</v>
      </c>
      <c r="J30" s="19">
        <v>1422</v>
      </c>
      <c r="K30" s="19">
        <v>1590</v>
      </c>
    </row>
    <row r="31" spans="1:11" ht="15" customHeight="1">
      <c r="A31" s="17" t="s">
        <v>59</v>
      </c>
      <c r="B31" s="17"/>
      <c r="C31" s="13">
        <v>2312</v>
      </c>
      <c r="D31" s="19">
        <v>1213</v>
      </c>
      <c r="E31" s="19">
        <v>1099</v>
      </c>
      <c r="F31" s="19"/>
      <c r="G31" s="18" t="s">
        <v>60</v>
      </c>
      <c r="H31" s="17"/>
      <c r="I31" s="13">
        <v>3068</v>
      </c>
      <c r="J31" s="19">
        <v>1467</v>
      </c>
      <c r="K31" s="19">
        <v>1601</v>
      </c>
    </row>
    <row r="32" spans="1:11" ht="15" customHeight="1">
      <c r="A32" s="17" t="s">
        <v>61</v>
      </c>
      <c r="B32" s="17"/>
      <c r="C32" s="13">
        <v>2819</v>
      </c>
      <c r="D32" s="19">
        <v>1530</v>
      </c>
      <c r="E32" s="19">
        <v>1289</v>
      </c>
      <c r="F32" s="19"/>
      <c r="G32" s="18" t="s">
        <v>62</v>
      </c>
      <c r="H32" s="17"/>
      <c r="I32" s="13">
        <v>1992</v>
      </c>
      <c r="J32" s="19">
        <v>935</v>
      </c>
      <c r="K32" s="19">
        <v>1057</v>
      </c>
    </row>
    <row r="33" spans="1:11" ht="15" customHeight="1">
      <c r="A33" s="17" t="s">
        <v>63</v>
      </c>
      <c r="B33" s="17"/>
      <c r="C33" s="13">
        <v>2686</v>
      </c>
      <c r="D33" s="19">
        <v>1419</v>
      </c>
      <c r="E33" s="19">
        <v>1267</v>
      </c>
      <c r="F33" s="19"/>
      <c r="G33" s="18" t="s">
        <v>64</v>
      </c>
      <c r="H33" s="17"/>
      <c r="I33" s="13">
        <v>1903</v>
      </c>
      <c r="J33" s="19">
        <v>852</v>
      </c>
      <c r="K33" s="19">
        <v>1051</v>
      </c>
    </row>
    <row r="34" spans="1:11" ht="15" customHeight="1">
      <c r="A34" s="17" t="s">
        <v>65</v>
      </c>
      <c r="B34" s="17"/>
      <c r="C34" s="13">
        <v>2800</v>
      </c>
      <c r="D34" s="19">
        <v>1523</v>
      </c>
      <c r="E34" s="19">
        <v>1277</v>
      </c>
      <c r="F34" s="19"/>
      <c r="G34" s="18" t="s">
        <v>66</v>
      </c>
      <c r="H34" s="17"/>
      <c r="I34" s="13">
        <v>2255</v>
      </c>
      <c r="J34" s="19">
        <v>1003</v>
      </c>
      <c r="K34" s="19">
        <v>1252</v>
      </c>
    </row>
    <row r="35" spans="1:11" ht="20.100000000000001" customHeight="1">
      <c r="A35" s="17" t="s">
        <v>67</v>
      </c>
      <c r="B35" s="17"/>
      <c r="C35" s="13">
        <v>11107</v>
      </c>
      <c r="D35" s="14">
        <v>6115</v>
      </c>
      <c r="E35" s="14">
        <v>4992</v>
      </c>
      <c r="F35" s="14"/>
      <c r="G35" s="18" t="s">
        <v>68</v>
      </c>
      <c r="H35" s="17"/>
      <c r="I35" s="13">
        <v>11227</v>
      </c>
      <c r="J35" s="14">
        <v>4895</v>
      </c>
      <c r="K35" s="14">
        <v>6332</v>
      </c>
    </row>
    <row r="36" spans="1:11" ht="15" customHeight="1">
      <c r="A36" s="17" t="s">
        <v>69</v>
      </c>
      <c r="B36" s="17"/>
      <c r="C36" s="13">
        <v>2582</v>
      </c>
      <c r="D36" s="19">
        <v>1411</v>
      </c>
      <c r="E36" s="19">
        <v>1171</v>
      </c>
      <c r="F36" s="19"/>
      <c r="G36" s="18" t="s">
        <v>70</v>
      </c>
      <c r="H36" s="17"/>
      <c r="I36" s="13">
        <v>2395</v>
      </c>
      <c r="J36" s="19">
        <v>1080</v>
      </c>
      <c r="K36" s="19">
        <v>1315</v>
      </c>
    </row>
    <row r="37" spans="1:11" ht="15" customHeight="1">
      <c r="A37" s="17" t="s">
        <v>71</v>
      </c>
      <c r="B37" s="17"/>
      <c r="C37" s="13">
        <v>2310</v>
      </c>
      <c r="D37" s="19">
        <v>1307</v>
      </c>
      <c r="E37" s="19">
        <v>1003</v>
      </c>
      <c r="F37" s="19"/>
      <c r="G37" s="18" t="s">
        <v>72</v>
      </c>
      <c r="H37" s="17"/>
      <c r="I37" s="13">
        <v>2410</v>
      </c>
      <c r="J37" s="19">
        <v>1054</v>
      </c>
      <c r="K37" s="19">
        <v>1356</v>
      </c>
    </row>
    <row r="38" spans="1:11" ht="15" customHeight="1">
      <c r="A38" s="17" t="s">
        <v>73</v>
      </c>
      <c r="B38" s="17"/>
      <c r="C38" s="13">
        <v>2286</v>
      </c>
      <c r="D38" s="19">
        <v>1296</v>
      </c>
      <c r="E38" s="19">
        <v>990</v>
      </c>
      <c r="F38" s="19"/>
      <c r="G38" s="18" t="s">
        <v>74</v>
      </c>
      <c r="H38" s="17"/>
      <c r="I38" s="13">
        <v>2375</v>
      </c>
      <c r="J38" s="19">
        <v>1020</v>
      </c>
      <c r="K38" s="19">
        <v>1355</v>
      </c>
    </row>
    <row r="39" spans="1:11" ht="15" customHeight="1">
      <c r="A39" s="17" t="s">
        <v>75</v>
      </c>
      <c r="B39" s="17"/>
      <c r="C39" s="13">
        <v>1973</v>
      </c>
      <c r="D39" s="19">
        <v>1057</v>
      </c>
      <c r="E39" s="19">
        <v>916</v>
      </c>
      <c r="F39" s="19"/>
      <c r="G39" s="18" t="s">
        <v>76</v>
      </c>
      <c r="H39" s="17"/>
      <c r="I39" s="13">
        <v>2166</v>
      </c>
      <c r="J39" s="19">
        <v>931</v>
      </c>
      <c r="K39" s="19">
        <v>1235</v>
      </c>
    </row>
    <row r="40" spans="1:11" ht="15" customHeight="1">
      <c r="A40" s="17" t="s">
        <v>77</v>
      </c>
      <c r="B40" s="17"/>
      <c r="C40" s="13">
        <v>1956</v>
      </c>
      <c r="D40" s="19">
        <v>1044</v>
      </c>
      <c r="E40" s="19">
        <v>912</v>
      </c>
      <c r="F40" s="19"/>
      <c r="G40" s="18" t="s">
        <v>78</v>
      </c>
      <c r="H40" s="17"/>
      <c r="I40" s="13">
        <v>1881</v>
      </c>
      <c r="J40" s="19">
        <v>810</v>
      </c>
      <c r="K40" s="19">
        <v>1071</v>
      </c>
    </row>
    <row r="41" spans="1:11" ht="20.100000000000001" customHeight="1">
      <c r="A41" s="17" t="s">
        <v>79</v>
      </c>
      <c r="B41" s="17"/>
      <c r="C41" s="13">
        <v>11223</v>
      </c>
      <c r="D41" s="14">
        <v>5795</v>
      </c>
      <c r="E41" s="14">
        <v>5428</v>
      </c>
      <c r="F41" s="14"/>
      <c r="G41" s="18" t="s">
        <v>80</v>
      </c>
      <c r="H41" s="17"/>
      <c r="I41" s="13">
        <v>8580</v>
      </c>
      <c r="J41" s="14">
        <v>3498</v>
      </c>
      <c r="K41" s="14">
        <v>5082</v>
      </c>
    </row>
    <row r="42" spans="1:11" ht="15" customHeight="1">
      <c r="A42" s="17" t="s">
        <v>81</v>
      </c>
      <c r="B42" s="17"/>
      <c r="C42" s="13">
        <v>2157</v>
      </c>
      <c r="D42" s="19">
        <v>1160</v>
      </c>
      <c r="E42" s="19">
        <v>997</v>
      </c>
      <c r="F42" s="19"/>
      <c r="G42" s="18" t="s">
        <v>82</v>
      </c>
      <c r="H42" s="17"/>
      <c r="I42" s="13">
        <v>1802</v>
      </c>
      <c r="J42" s="19">
        <v>783</v>
      </c>
      <c r="K42" s="19">
        <v>1019</v>
      </c>
    </row>
    <row r="43" spans="1:11" ht="15" customHeight="1">
      <c r="A43" s="17" t="s">
        <v>83</v>
      </c>
      <c r="B43" s="17"/>
      <c r="C43" s="13">
        <v>2162</v>
      </c>
      <c r="D43" s="19">
        <v>1156</v>
      </c>
      <c r="E43" s="19">
        <v>1006</v>
      </c>
      <c r="F43" s="19"/>
      <c r="G43" s="18" t="s">
        <v>84</v>
      </c>
      <c r="H43" s="17"/>
      <c r="I43" s="13">
        <v>1885</v>
      </c>
      <c r="J43" s="19">
        <v>778</v>
      </c>
      <c r="K43" s="19">
        <v>1107</v>
      </c>
    </row>
    <row r="44" spans="1:11" ht="15" customHeight="1">
      <c r="A44" s="17" t="s">
        <v>85</v>
      </c>
      <c r="B44" s="17"/>
      <c r="C44" s="13">
        <v>2256</v>
      </c>
      <c r="D44" s="19">
        <v>1180</v>
      </c>
      <c r="E44" s="19">
        <v>1076</v>
      </c>
      <c r="F44" s="19"/>
      <c r="G44" s="18" t="s">
        <v>86</v>
      </c>
      <c r="H44" s="17"/>
      <c r="I44" s="13">
        <v>1735</v>
      </c>
      <c r="J44" s="19">
        <v>705</v>
      </c>
      <c r="K44" s="19">
        <v>1030</v>
      </c>
    </row>
    <row r="45" spans="1:11" ht="15" customHeight="1">
      <c r="A45" s="17" t="s">
        <v>87</v>
      </c>
      <c r="B45" s="17"/>
      <c r="C45" s="13">
        <v>2193</v>
      </c>
      <c r="D45" s="19">
        <v>1068</v>
      </c>
      <c r="E45" s="19">
        <v>1125</v>
      </c>
      <c r="F45" s="19"/>
      <c r="G45" s="18" t="s">
        <v>88</v>
      </c>
      <c r="H45" s="17"/>
      <c r="I45" s="13">
        <v>1678</v>
      </c>
      <c r="J45" s="19">
        <v>666</v>
      </c>
      <c r="K45" s="19">
        <v>1012</v>
      </c>
    </row>
    <row r="46" spans="1:11" ht="15" customHeight="1">
      <c r="A46" s="17" t="s">
        <v>89</v>
      </c>
      <c r="B46" s="17"/>
      <c r="C46" s="13">
        <v>2455</v>
      </c>
      <c r="D46" s="19">
        <v>1231</v>
      </c>
      <c r="E46" s="19">
        <v>1224</v>
      </c>
      <c r="F46" s="19"/>
      <c r="G46" s="18" t="s">
        <v>90</v>
      </c>
      <c r="H46" s="17"/>
      <c r="I46" s="13">
        <v>1480</v>
      </c>
      <c r="J46" s="19">
        <v>566</v>
      </c>
      <c r="K46" s="19">
        <v>914</v>
      </c>
    </row>
    <row r="47" spans="1:11" ht="20.100000000000001" customHeight="1">
      <c r="A47" s="17" t="s">
        <v>91</v>
      </c>
      <c r="B47" s="17"/>
      <c r="C47" s="13">
        <v>12497</v>
      </c>
      <c r="D47" s="14">
        <v>6478</v>
      </c>
      <c r="E47" s="14">
        <v>6019</v>
      </c>
      <c r="F47" s="14"/>
      <c r="G47" s="18" t="s">
        <v>92</v>
      </c>
      <c r="H47" s="17"/>
      <c r="I47" s="13">
        <v>5493</v>
      </c>
      <c r="J47" s="14">
        <v>1978</v>
      </c>
      <c r="K47" s="14">
        <v>3515</v>
      </c>
    </row>
    <row r="48" spans="1:11" ht="15" customHeight="1">
      <c r="A48" s="17" t="s">
        <v>93</v>
      </c>
      <c r="B48" s="17"/>
      <c r="C48" s="13">
        <v>2453</v>
      </c>
      <c r="D48" s="19">
        <v>1292</v>
      </c>
      <c r="E48" s="19">
        <v>1161</v>
      </c>
      <c r="F48" s="19"/>
      <c r="G48" s="18" t="s">
        <v>94</v>
      </c>
      <c r="H48" s="17"/>
      <c r="I48" s="13">
        <v>1382</v>
      </c>
      <c r="J48" s="19">
        <v>521</v>
      </c>
      <c r="K48" s="19">
        <v>861</v>
      </c>
    </row>
    <row r="49" spans="1:11" ht="15" customHeight="1">
      <c r="A49" s="17" t="s">
        <v>95</v>
      </c>
      <c r="B49" s="17"/>
      <c r="C49" s="13">
        <v>2433</v>
      </c>
      <c r="D49" s="19">
        <v>1274</v>
      </c>
      <c r="E49" s="19">
        <v>1159</v>
      </c>
      <c r="F49" s="19"/>
      <c r="G49" s="18" t="s">
        <v>96</v>
      </c>
      <c r="H49" s="17"/>
      <c r="I49" s="13">
        <v>1260</v>
      </c>
      <c r="J49" s="19">
        <v>462</v>
      </c>
      <c r="K49" s="19">
        <v>798</v>
      </c>
    </row>
    <row r="50" spans="1:11" ht="15" customHeight="1">
      <c r="A50" s="17" t="s">
        <v>97</v>
      </c>
      <c r="B50" s="17"/>
      <c r="C50" s="13">
        <v>2492</v>
      </c>
      <c r="D50" s="19">
        <v>1238</v>
      </c>
      <c r="E50" s="19">
        <v>1254</v>
      </c>
      <c r="F50" s="19"/>
      <c r="G50" s="18" t="s">
        <v>98</v>
      </c>
      <c r="H50" s="17"/>
      <c r="I50" s="13">
        <v>1103</v>
      </c>
      <c r="J50" s="19">
        <v>376</v>
      </c>
      <c r="K50" s="19">
        <v>727</v>
      </c>
    </row>
    <row r="51" spans="1:11" ht="15" customHeight="1">
      <c r="A51" s="17" t="s">
        <v>99</v>
      </c>
      <c r="B51" s="17"/>
      <c r="C51" s="13">
        <v>2525</v>
      </c>
      <c r="D51" s="19">
        <v>1300</v>
      </c>
      <c r="E51" s="19">
        <v>1225</v>
      </c>
      <c r="F51" s="19"/>
      <c r="G51" s="18" t="s">
        <v>100</v>
      </c>
      <c r="H51" s="17"/>
      <c r="I51" s="13">
        <v>950</v>
      </c>
      <c r="J51" s="19">
        <v>346</v>
      </c>
      <c r="K51" s="19">
        <v>604</v>
      </c>
    </row>
    <row r="52" spans="1:11" ht="15" customHeight="1">
      <c r="A52" s="17" t="s">
        <v>101</v>
      </c>
      <c r="B52" s="17"/>
      <c r="C52" s="13">
        <v>2594</v>
      </c>
      <c r="D52" s="19">
        <v>1374</v>
      </c>
      <c r="E52" s="19">
        <v>1220</v>
      </c>
      <c r="F52" s="19"/>
      <c r="G52" s="18" t="s">
        <v>102</v>
      </c>
      <c r="H52" s="17"/>
      <c r="I52" s="13">
        <v>798</v>
      </c>
      <c r="J52" s="19">
        <v>273</v>
      </c>
      <c r="K52" s="19">
        <v>525</v>
      </c>
    </row>
    <row r="53" spans="1:11" ht="20.100000000000001" customHeight="1">
      <c r="A53" s="17" t="s">
        <v>103</v>
      </c>
      <c r="B53" s="17"/>
      <c r="C53" s="13">
        <v>14643</v>
      </c>
      <c r="D53" s="14">
        <v>7600</v>
      </c>
      <c r="E53" s="14">
        <v>7043</v>
      </c>
      <c r="F53" s="14"/>
      <c r="G53" s="18" t="s">
        <v>104</v>
      </c>
      <c r="H53" s="17"/>
      <c r="I53" s="13">
        <v>2409</v>
      </c>
      <c r="J53" s="14">
        <v>708</v>
      </c>
      <c r="K53" s="14">
        <v>1701</v>
      </c>
    </row>
    <row r="54" spans="1:11" ht="15" customHeight="1">
      <c r="A54" s="17" t="s">
        <v>105</v>
      </c>
      <c r="B54" s="17"/>
      <c r="C54" s="13">
        <v>2822</v>
      </c>
      <c r="D54" s="19">
        <v>1453</v>
      </c>
      <c r="E54" s="19">
        <v>1369</v>
      </c>
      <c r="F54" s="19"/>
      <c r="G54" s="18" t="s">
        <v>106</v>
      </c>
      <c r="H54" s="17"/>
      <c r="I54" s="13">
        <v>708</v>
      </c>
      <c r="J54" s="19">
        <v>229</v>
      </c>
      <c r="K54" s="19">
        <v>479</v>
      </c>
    </row>
    <row r="55" spans="1:11" ht="15" customHeight="1">
      <c r="A55" s="17" t="s">
        <v>107</v>
      </c>
      <c r="B55" s="17"/>
      <c r="C55" s="13">
        <v>2740</v>
      </c>
      <c r="D55" s="19">
        <v>1450</v>
      </c>
      <c r="E55" s="19">
        <v>1290</v>
      </c>
      <c r="F55" s="19"/>
      <c r="G55" s="18" t="s">
        <v>108</v>
      </c>
      <c r="H55" s="17"/>
      <c r="I55" s="13">
        <v>556</v>
      </c>
      <c r="J55" s="19">
        <v>161</v>
      </c>
      <c r="K55" s="19">
        <v>395</v>
      </c>
    </row>
    <row r="56" spans="1:11" ht="15" customHeight="1">
      <c r="A56" s="17" t="s">
        <v>109</v>
      </c>
      <c r="B56" s="17"/>
      <c r="C56" s="13">
        <v>2905</v>
      </c>
      <c r="D56" s="19">
        <v>1500</v>
      </c>
      <c r="E56" s="19">
        <v>1405</v>
      </c>
      <c r="F56" s="19"/>
      <c r="G56" s="18" t="s">
        <v>110</v>
      </c>
      <c r="H56" s="17"/>
      <c r="I56" s="13">
        <v>468</v>
      </c>
      <c r="J56" s="19">
        <v>158</v>
      </c>
      <c r="K56" s="19">
        <v>310</v>
      </c>
    </row>
    <row r="57" spans="1:11" ht="15" customHeight="1">
      <c r="A57" s="17" t="s">
        <v>111</v>
      </c>
      <c r="B57" s="17"/>
      <c r="C57" s="13">
        <v>2949</v>
      </c>
      <c r="D57" s="19">
        <v>1549</v>
      </c>
      <c r="E57" s="19">
        <v>1400</v>
      </c>
      <c r="F57" s="19"/>
      <c r="G57" s="18" t="s">
        <v>112</v>
      </c>
      <c r="H57" s="17"/>
      <c r="I57" s="13">
        <v>405</v>
      </c>
      <c r="J57" s="19">
        <v>102</v>
      </c>
      <c r="K57" s="19">
        <v>303</v>
      </c>
    </row>
    <row r="58" spans="1:11" ht="15" customHeight="1">
      <c r="A58" s="17" t="s">
        <v>113</v>
      </c>
      <c r="B58" s="17"/>
      <c r="C58" s="13">
        <v>3227</v>
      </c>
      <c r="D58" s="19">
        <v>1648</v>
      </c>
      <c r="E58" s="19">
        <v>1579</v>
      </c>
      <c r="F58" s="19"/>
      <c r="G58" s="18" t="s">
        <v>114</v>
      </c>
      <c r="H58" s="17"/>
      <c r="I58" s="13">
        <v>272</v>
      </c>
      <c r="J58" s="19">
        <v>58</v>
      </c>
      <c r="K58" s="19">
        <v>214</v>
      </c>
    </row>
    <row r="59" spans="1:11" ht="20.100000000000001" customHeight="1">
      <c r="A59" s="17" t="s">
        <v>115</v>
      </c>
      <c r="B59" s="17"/>
      <c r="C59" s="13">
        <v>16562</v>
      </c>
      <c r="D59" s="14">
        <v>8361</v>
      </c>
      <c r="E59" s="14">
        <v>8201</v>
      </c>
      <c r="F59" s="14"/>
      <c r="G59" s="18" t="s">
        <v>116</v>
      </c>
      <c r="H59" s="17"/>
      <c r="I59" s="13">
        <v>565</v>
      </c>
      <c r="J59" s="14">
        <v>115</v>
      </c>
      <c r="K59" s="14">
        <v>450</v>
      </c>
    </row>
    <row r="60" spans="1:11" ht="15" customHeight="1">
      <c r="A60" s="17" t="s">
        <v>117</v>
      </c>
      <c r="B60" s="17"/>
      <c r="C60" s="13">
        <v>3295</v>
      </c>
      <c r="D60" s="19">
        <v>1671</v>
      </c>
      <c r="E60" s="19">
        <v>1624</v>
      </c>
      <c r="F60" s="19"/>
      <c r="G60" s="18" t="s">
        <v>118</v>
      </c>
      <c r="H60" s="17"/>
      <c r="I60" s="13">
        <v>214</v>
      </c>
      <c r="J60" s="19">
        <v>53</v>
      </c>
      <c r="K60" s="19">
        <v>161</v>
      </c>
    </row>
    <row r="61" spans="1:11" ht="15" customHeight="1">
      <c r="A61" s="17" t="s">
        <v>119</v>
      </c>
      <c r="B61" s="17"/>
      <c r="C61" s="13">
        <v>3341</v>
      </c>
      <c r="D61" s="19">
        <v>1686</v>
      </c>
      <c r="E61" s="19">
        <v>1655</v>
      </c>
      <c r="F61" s="19"/>
      <c r="G61" s="18" t="s">
        <v>120</v>
      </c>
      <c r="H61" s="17"/>
      <c r="I61" s="13">
        <v>143</v>
      </c>
      <c r="J61" s="19">
        <v>20</v>
      </c>
      <c r="K61" s="19">
        <v>123</v>
      </c>
    </row>
    <row r="62" spans="1:11" ht="15" customHeight="1">
      <c r="A62" s="17" t="s">
        <v>121</v>
      </c>
      <c r="B62" s="17"/>
      <c r="C62" s="13">
        <v>3293</v>
      </c>
      <c r="D62" s="19">
        <v>1667</v>
      </c>
      <c r="E62" s="19">
        <v>1626</v>
      </c>
      <c r="F62" s="19"/>
      <c r="G62" s="18" t="s">
        <v>122</v>
      </c>
      <c r="H62" s="17"/>
      <c r="I62" s="13">
        <v>98</v>
      </c>
      <c r="J62" s="19">
        <v>22</v>
      </c>
      <c r="K62" s="19">
        <v>76</v>
      </c>
    </row>
    <row r="63" spans="1:11" ht="15" customHeight="1">
      <c r="A63" s="17" t="s">
        <v>123</v>
      </c>
      <c r="B63" s="17"/>
      <c r="C63" s="13">
        <v>3369</v>
      </c>
      <c r="D63" s="19">
        <v>1715</v>
      </c>
      <c r="E63" s="19">
        <v>1654</v>
      </c>
      <c r="F63" s="19"/>
      <c r="G63" s="18" t="s">
        <v>124</v>
      </c>
      <c r="H63" s="17"/>
      <c r="I63" s="13">
        <v>73</v>
      </c>
      <c r="J63" s="19">
        <v>14</v>
      </c>
      <c r="K63" s="19">
        <v>59</v>
      </c>
    </row>
    <row r="64" spans="1:11" ht="15" customHeight="1">
      <c r="A64" s="17" t="s">
        <v>125</v>
      </c>
      <c r="B64" s="17"/>
      <c r="C64" s="13">
        <v>3264</v>
      </c>
      <c r="D64" s="19">
        <v>1622</v>
      </c>
      <c r="E64" s="19">
        <v>1642</v>
      </c>
      <c r="F64" s="19"/>
      <c r="G64" s="18" t="s">
        <v>126</v>
      </c>
      <c r="H64" s="17"/>
      <c r="I64" s="13">
        <v>37</v>
      </c>
      <c r="J64" s="19">
        <v>6</v>
      </c>
      <c r="K64" s="19">
        <v>31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113</v>
      </c>
      <c r="J65" s="19">
        <v>5</v>
      </c>
      <c r="K65" s="19">
        <v>10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1528</v>
      </c>
      <c r="J66" s="29">
        <v>1104</v>
      </c>
      <c r="K66" s="29">
        <v>424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8" pageOrder="overThenDown" orientation="portrait" blackAndWhite="1" useFirstPageNumber="1" horizontalDpi="300" verticalDpi="300"/>
  <headerFooter scaleWithDoc="0"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0</v>
      </c>
      <c r="B2" s="5"/>
      <c r="C2" s="8"/>
      <c r="D2" s="8"/>
      <c r="E2" s="8"/>
      <c r="F2" s="8"/>
      <c r="G2" s="8"/>
      <c r="H2" s="8"/>
      <c r="I2" s="44" t="s">
        <v>2</v>
      </c>
      <c r="J2" s="45"/>
      <c r="K2" s="45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6607</v>
      </c>
      <c r="D4" s="14">
        <v>81923</v>
      </c>
      <c r="E4" s="14">
        <v>8468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566</v>
      </c>
      <c r="D5" s="14">
        <v>3423</v>
      </c>
      <c r="E5" s="14">
        <v>3143</v>
      </c>
      <c r="F5" s="14"/>
      <c r="G5" s="18" t="s">
        <v>8</v>
      </c>
      <c r="H5" s="17"/>
      <c r="I5" s="13">
        <v>11890</v>
      </c>
      <c r="J5" s="14">
        <v>6055</v>
      </c>
      <c r="K5" s="14">
        <v>5835</v>
      </c>
    </row>
    <row r="6" spans="1:11" ht="15" customHeight="1">
      <c r="A6" s="17" t="s">
        <v>9</v>
      </c>
      <c r="B6" s="17"/>
      <c r="C6" s="13">
        <v>1291</v>
      </c>
      <c r="D6" s="19">
        <v>681</v>
      </c>
      <c r="E6" s="19">
        <v>610</v>
      </c>
      <c r="F6" s="19"/>
      <c r="G6" s="18" t="s">
        <v>10</v>
      </c>
      <c r="H6" s="17"/>
      <c r="I6" s="13">
        <v>2566</v>
      </c>
      <c r="J6" s="19">
        <v>1296</v>
      </c>
      <c r="K6" s="19">
        <v>1270</v>
      </c>
    </row>
    <row r="7" spans="1:11" ht="15" customHeight="1">
      <c r="A7" s="17" t="s">
        <v>11</v>
      </c>
      <c r="B7" s="17"/>
      <c r="C7" s="13">
        <v>1324</v>
      </c>
      <c r="D7" s="19">
        <v>683</v>
      </c>
      <c r="E7" s="19">
        <v>641</v>
      </c>
      <c r="F7" s="19"/>
      <c r="G7" s="18" t="s">
        <v>12</v>
      </c>
      <c r="H7" s="17"/>
      <c r="I7" s="13">
        <v>2653</v>
      </c>
      <c r="J7" s="19">
        <v>1341</v>
      </c>
      <c r="K7" s="19">
        <v>1312</v>
      </c>
    </row>
    <row r="8" spans="1:11" ht="15" customHeight="1">
      <c r="A8" s="17" t="s">
        <v>13</v>
      </c>
      <c r="B8" s="17"/>
      <c r="C8" s="13">
        <v>1324</v>
      </c>
      <c r="D8" s="19">
        <v>673</v>
      </c>
      <c r="E8" s="19">
        <v>651</v>
      </c>
      <c r="F8" s="19"/>
      <c r="G8" s="18" t="s">
        <v>14</v>
      </c>
      <c r="H8" s="17"/>
      <c r="I8" s="13">
        <v>1860</v>
      </c>
      <c r="J8" s="19">
        <v>979</v>
      </c>
      <c r="K8" s="19">
        <v>881</v>
      </c>
    </row>
    <row r="9" spans="1:11" ht="15" customHeight="1">
      <c r="A9" s="17" t="s">
        <v>15</v>
      </c>
      <c r="B9" s="17"/>
      <c r="C9" s="13">
        <v>1348</v>
      </c>
      <c r="D9" s="19">
        <v>703</v>
      </c>
      <c r="E9" s="19">
        <v>645</v>
      </c>
      <c r="F9" s="19"/>
      <c r="G9" s="18" t="s">
        <v>16</v>
      </c>
      <c r="H9" s="17"/>
      <c r="I9" s="13">
        <v>2480</v>
      </c>
      <c r="J9" s="19">
        <v>1251</v>
      </c>
      <c r="K9" s="19">
        <v>1229</v>
      </c>
    </row>
    <row r="10" spans="1:11" ht="15" customHeight="1">
      <c r="A10" s="17" t="s">
        <v>17</v>
      </c>
      <c r="B10" s="17"/>
      <c r="C10" s="13">
        <v>1279</v>
      </c>
      <c r="D10" s="19">
        <v>683</v>
      </c>
      <c r="E10" s="19">
        <v>596</v>
      </c>
      <c r="F10" s="19"/>
      <c r="G10" s="18" t="s">
        <v>18</v>
      </c>
      <c r="H10" s="17"/>
      <c r="I10" s="13">
        <v>2331</v>
      </c>
      <c r="J10" s="19">
        <v>1188</v>
      </c>
      <c r="K10" s="19">
        <v>1143</v>
      </c>
    </row>
    <row r="11" spans="1:11" ht="20.100000000000001" customHeight="1">
      <c r="A11" s="17" t="s">
        <v>19</v>
      </c>
      <c r="B11" s="17"/>
      <c r="C11" s="13">
        <v>6676</v>
      </c>
      <c r="D11" s="14">
        <v>3444</v>
      </c>
      <c r="E11" s="14">
        <v>3232</v>
      </c>
      <c r="F11" s="14"/>
      <c r="G11" s="18" t="s">
        <v>20</v>
      </c>
      <c r="H11" s="17"/>
      <c r="I11" s="13">
        <v>10334</v>
      </c>
      <c r="J11" s="14">
        <v>5154</v>
      </c>
      <c r="K11" s="14">
        <v>5180</v>
      </c>
    </row>
    <row r="12" spans="1:11" ht="15" customHeight="1">
      <c r="A12" s="17" t="s">
        <v>21</v>
      </c>
      <c r="B12" s="17"/>
      <c r="C12" s="13">
        <v>1340</v>
      </c>
      <c r="D12" s="19">
        <v>704</v>
      </c>
      <c r="E12" s="19">
        <v>636</v>
      </c>
      <c r="F12" s="19"/>
      <c r="G12" s="18" t="s">
        <v>22</v>
      </c>
      <c r="H12" s="17"/>
      <c r="I12" s="13">
        <v>2270</v>
      </c>
      <c r="J12" s="19">
        <v>1147</v>
      </c>
      <c r="K12" s="19">
        <v>1123</v>
      </c>
    </row>
    <row r="13" spans="1:11" ht="15" customHeight="1">
      <c r="A13" s="17" t="s">
        <v>23</v>
      </c>
      <c r="B13" s="17"/>
      <c r="C13" s="13">
        <v>1376</v>
      </c>
      <c r="D13" s="19">
        <v>699</v>
      </c>
      <c r="E13" s="19">
        <v>677</v>
      </c>
      <c r="F13" s="19"/>
      <c r="G13" s="18" t="s">
        <v>24</v>
      </c>
      <c r="H13" s="17"/>
      <c r="I13" s="13">
        <v>2105</v>
      </c>
      <c r="J13" s="19">
        <v>1034</v>
      </c>
      <c r="K13" s="19">
        <v>1071</v>
      </c>
    </row>
    <row r="14" spans="1:11" ht="15" customHeight="1">
      <c r="A14" s="17" t="s">
        <v>25</v>
      </c>
      <c r="B14" s="17"/>
      <c r="C14" s="13">
        <v>1284</v>
      </c>
      <c r="D14" s="19">
        <v>677</v>
      </c>
      <c r="E14" s="19">
        <v>607</v>
      </c>
      <c r="F14" s="19"/>
      <c r="G14" s="18" t="s">
        <v>26</v>
      </c>
      <c r="H14" s="17"/>
      <c r="I14" s="13">
        <v>2038</v>
      </c>
      <c r="J14" s="19">
        <v>1050</v>
      </c>
      <c r="K14" s="19">
        <v>988</v>
      </c>
    </row>
    <row r="15" spans="1:11" ht="15" customHeight="1">
      <c r="A15" s="17" t="s">
        <v>27</v>
      </c>
      <c r="B15" s="17"/>
      <c r="C15" s="13">
        <v>1319</v>
      </c>
      <c r="D15" s="19">
        <v>649</v>
      </c>
      <c r="E15" s="19">
        <v>670</v>
      </c>
      <c r="F15" s="19"/>
      <c r="G15" s="18" t="s">
        <v>28</v>
      </c>
      <c r="H15" s="17"/>
      <c r="I15" s="13">
        <v>2021</v>
      </c>
      <c r="J15" s="19">
        <v>995</v>
      </c>
      <c r="K15" s="19">
        <v>1026</v>
      </c>
    </row>
    <row r="16" spans="1:11" ht="15" customHeight="1">
      <c r="A16" s="17" t="s">
        <v>29</v>
      </c>
      <c r="B16" s="17"/>
      <c r="C16" s="13">
        <v>1357</v>
      </c>
      <c r="D16" s="19">
        <v>715</v>
      </c>
      <c r="E16" s="19">
        <v>642</v>
      </c>
      <c r="F16" s="19"/>
      <c r="G16" s="18" t="s">
        <v>30</v>
      </c>
      <c r="H16" s="17"/>
      <c r="I16" s="13">
        <v>1900</v>
      </c>
      <c r="J16" s="19">
        <v>928</v>
      </c>
      <c r="K16" s="19">
        <v>972</v>
      </c>
    </row>
    <row r="17" spans="1:11" ht="20.100000000000001" customHeight="1">
      <c r="A17" s="20" t="s">
        <v>31</v>
      </c>
      <c r="B17" s="20"/>
      <c r="C17" s="13">
        <v>6551</v>
      </c>
      <c r="D17" s="14">
        <v>3381</v>
      </c>
      <c r="E17" s="14">
        <v>3170</v>
      </c>
      <c r="F17" s="14"/>
      <c r="G17" s="18" t="s">
        <v>32</v>
      </c>
      <c r="H17" s="17"/>
      <c r="I17" s="13">
        <v>9309</v>
      </c>
      <c r="J17" s="14">
        <v>4682</v>
      </c>
      <c r="K17" s="14">
        <v>4627</v>
      </c>
    </row>
    <row r="18" spans="1:11" ht="15" customHeight="1">
      <c r="A18" s="17" t="s">
        <v>33</v>
      </c>
      <c r="B18" s="17"/>
      <c r="C18" s="13">
        <v>1387</v>
      </c>
      <c r="D18" s="19">
        <v>710</v>
      </c>
      <c r="E18" s="19">
        <v>677</v>
      </c>
      <c r="F18" s="19"/>
      <c r="G18" s="18" t="s">
        <v>34</v>
      </c>
      <c r="H18" s="17"/>
      <c r="I18" s="13">
        <v>1958</v>
      </c>
      <c r="J18" s="19">
        <v>992</v>
      </c>
      <c r="K18" s="19">
        <v>966</v>
      </c>
    </row>
    <row r="19" spans="1:11" ht="15" customHeight="1">
      <c r="A19" s="17" t="s">
        <v>35</v>
      </c>
      <c r="B19" s="17"/>
      <c r="C19" s="13">
        <v>1340</v>
      </c>
      <c r="D19" s="19">
        <v>711</v>
      </c>
      <c r="E19" s="19">
        <v>629</v>
      </c>
      <c r="F19" s="19"/>
      <c r="G19" s="18" t="s">
        <v>36</v>
      </c>
      <c r="H19" s="17"/>
      <c r="I19" s="13">
        <v>1798</v>
      </c>
      <c r="J19" s="19">
        <v>897</v>
      </c>
      <c r="K19" s="19">
        <v>901</v>
      </c>
    </row>
    <row r="20" spans="1:11" ht="15" customHeight="1">
      <c r="A20" s="17" t="s">
        <v>37</v>
      </c>
      <c r="B20" s="17"/>
      <c r="C20" s="13">
        <v>1278</v>
      </c>
      <c r="D20" s="19">
        <v>657</v>
      </c>
      <c r="E20" s="19">
        <v>621</v>
      </c>
      <c r="F20" s="19"/>
      <c r="G20" s="18" t="s">
        <v>38</v>
      </c>
      <c r="H20" s="17"/>
      <c r="I20" s="13">
        <v>1834</v>
      </c>
      <c r="J20" s="19">
        <v>909</v>
      </c>
      <c r="K20" s="19">
        <v>925</v>
      </c>
    </row>
    <row r="21" spans="1:11" ht="15" customHeight="1">
      <c r="A21" s="17" t="s">
        <v>39</v>
      </c>
      <c r="B21" s="17"/>
      <c r="C21" s="13">
        <v>1260</v>
      </c>
      <c r="D21" s="19">
        <v>640</v>
      </c>
      <c r="E21" s="19">
        <v>620</v>
      </c>
      <c r="F21" s="19"/>
      <c r="G21" s="18" t="s">
        <v>40</v>
      </c>
      <c r="H21" s="17"/>
      <c r="I21" s="13">
        <v>1929</v>
      </c>
      <c r="J21" s="19">
        <v>976</v>
      </c>
      <c r="K21" s="19">
        <v>953</v>
      </c>
    </row>
    <row r="22" spans="1:11" ht="15" customHeight="1">
      <c r="A22" s="17" t="s">
        <v>41</v>
      </c>
      <c r="B22" s="17"/>
      <c r="C22" s="13">
        <v>1286</v>
      </c>
      <c r="D22" s="19">
        <v>663</v>
      </c>
      <c r="E22" s="19">
        <v>623</v>
      </c>
      <c r="F22" s="19"/>
      <c r="G22" s="18" t="s">
        <v>42</v>
      </c>
      <c r="H22" s="17"/>
      <c r="I22" s="13">
        <v>1790</v>
      </c>
      <c r="J22" s="19">
        <v>908</v>
      </c>
      <c r="K22" s="19">
        <v>882</v>
      </c>
    </row>
    <row r="23" spans="1:11" ht="20.100000000000001" customHeight="1">
      <c r="A23" s="17" t="s">
        <v>43</v>
      </c>
      <c r="B23" s="17"/>
      <c r="C23" s="13">
        <v>7063</v>
      </c>
      <c r="D23" s="14">
        <v>3606</v>
      </c>
      <c r="E23" s="14">
        <v>3457</v>
      </c>
      <c r="F23" s="14"/>
      <c r="G23" s="18" t="s">
        <v>44</v>
      </c>
      <c r="H23" s="17"/>
      <c r="I23" s="13">
        <v>11346</v>
      </c>
      <c r="J23" s="14">
        <v>5449</v>
      </c>
      <c r="K23" s="14">
        <v>5897</v>
      </c>
    </row>
    <row r="24" spans="1:11" ht="15" customHeight="1">
      <c r="A24" s="17" t="s">
        <v>45</v>
      </c>
      <c r="B24" s="17"/>
      <c r="C24" s="13">
        <v>1316</v>
      </c>
      <c r="D24" s="19">
        <v>676</v>
      </c>
      <c r="E24" s="19">
        <v>640</v>
      </c>
      <c r="F24" s="19"/>
      <c r="G24" s="18" t="s">
        <v>46</v>
      </c>
      <c r="H24" s="17"/>
      <c r="I24" s="13">
        <v>1944</v>
      </c>
      <c r="J24" s="19">
        <v>907</v>
      </c>
      <c r="K24" s="19">
        <v>1037</v>
      </c>
    </row>
    <row r="25" spans="1:11" ht="15" customHeight="1">
      <c r="A25" s="17" t="s">
        <v>47</v>
      </c>
      <c r="B25" s="17"/>
      <c r="C25" s="13">
        <v>1370</v>
      </c>
      <c r="D25" s="19">
        <v>680</v>
      </c>
      <c r="E25" s="19">
        <v>690</v>
      </c>
      <c r="F25" s="19"/>
      <c r="G25" s="18" t="s">
        <v>48</v>
      </c>
      <c r="H25" s="17"/>
      <c r="I25" s="13">
        <v>2214</v>
      </c>
      <c r="J25" s="19">
        <v>1076</v>
      </c>
      <c r="K25" s="19">
        <v>1138</v>
      </c>
    </row>
    <row r="26" spans="1:11" ht="15" customHeight="1">
      <c r="A26" s="17" t="s">
        <v>49</v>
      </c>
      <c r="B26" s="17"/>
      <c r="C26" s="13">
        <v>1388</v>
      </c>
      <c r="D26" s="19">
        <v>709</v>
      </c>
      <c r="E26" s="19">
        <v>679</v>
      </c>
      <c r="F26" s="19"/>
      <c r="G26" s="18" t="s">
        <v>50</v>
      </c>
      <c r="H26" s="17"/>
      <c r="I26" s="13">
        <v>2180</v>
      </c>
      <c r="J26" s="19">
        <v>1033</v>
      </c>
      <c r="K26" s="19">
        <v>1147</v>
      </c>
    </row>
    <row r="27" spans="1:11" ht="15" customHeight="1">
      <c r="A27" s="17" t="s">
        <v>51</v>
      </c>
      <c r="B27" s="17"/>
      <c r="C27" s="13">
        <v>1481</v>
      </c>
      <c r="D27" s="19">
        <v>755</v>
      </c>
      <c r="E27" s="19">
        <v>726</v>
      </c>
      <c r="F27" s="19"/>
      <c r="G27" s="18" t="s">
        <v>52</v>
      </c>
      <c r="H27" s="17"/>
      <c r="I27" s="13">
        <v>2320</v>
      </c>
      <c r="J27" s="19">
        <v>1126</v>
      </c>
      <c r="K27" s="19">
        <v>1194</v>
      </c>
    </row>
    <row r="28" spans="1:11" ht="15" customHeight="1">
      <c r="A28" s="17" t="s">
        <v>53</v>
      </c>
      <c r="B28" s="17"/>
      <c r="C28" s="13">
        <v>1508</v>
      </c>
      <c r="D28" s="19">
        <v>786</v>
      </c>
      <c r="E28" s="19">
        <v>722</v>
      </c>
      <c r="F28" s="19"/>
      <c r="G28" s="18" t="s">
        <v>54</v>
      </c>
      <c r="H28" s="17"/>
      <c r="I28" s="13">
        <v>2688</v>
      </c>
      <c r="J28" s="19">
        <v>1307</v>
      </c>
      <c r="K28" s="19">
        <v>1381</v>
      </c>
    </row>
    <row r="29" spans="1:11" ht="20.100000000000001" customHeight="1">
      <c r="A29" s="17" t="s">
        <v>55</v>
      </c>
      <c r="B29" s="17"/>
      <c r="C29" s="13">
        <v>7968</v>
      </c>
      <c r="D29" s="14">
        <v>4073</v>
      </c>
      <c r="E29" s="14">
        <v>3895</v>
      </c>
      <c r="F29" s="14"/>
      <c r="G29" s="18" t="s">
        <v>56</v>
      </c>
      <c r="H29" s="17"/>
      <c r="I29" s="13">
        <v>10915</v>
      </c>
      <c r="J29" s="14">
        <v>5068</v>
      </c>
      <c r="K29" s="14">
        <v>5847</v>
      </c>
    </row>
    <row r="30" spans="1:11" ht="15" customHeight="1">
      <c r="A30" s="17" t="s">
        <v>57</v>
      </c>
      <c r="B30" s="17"/>
      <c r="C30" s="13">
        <v>1456</v>
      </c>
      <c r="D30" s="19">
        <v>740</v>
      </c>
      <c r="E30" s="19">
        <v>716</v>
      </c>
      <c r="F30" s="19"/>
      <c r="G30" s="18" t="s">
        <v>58</v>
      </c>
      <c r="H30" s="17"/>
      <c r="I30" s="13">
        <v>2690</v>
      </c>
      <c r="J30" s="19">
        <v>1238</v>
      </c>
      <c r="K30" s="19">
        <v>1452</v>
      </c>
    </row>
    <row r="31" spans="1:11" ht="15" customHeight="1">
      <c r="A31" s="17" t="s">
        <v>59</v>
      </c>
      <c r="B31" s="17"/>
      <c r="C31" s="13">
        <v>1555</v>
      </c>
      <c r="D31" s="19">
        <v>764</v>
      </c>
      <c r="E31" s="19">
        <v>791</v>
      </c>
      <c r="F31" s="19"/>
      <c r="G31" s="18" t="s">
        <v>60</v>
      </c>
      <c r="H31" s="17"/>
      <c r="I31" s="13">
        <v>2642</v>
      </c>
      <c r="J31" s="19">
        <v>1255</v>
      </c>
      <c r="K31" s="19">
        <v>1387</v>
      </c>
    </row>
    <row r="32" spans="1:11" ht="15" customHeight="1">
      <c r="A32" s="17" t="s">
        <v>61</v>
      </c>
      <c r="B32" s="17"/>
      <c r="C32" s="13">
        <v>1577</v>
      </c>
      <c r="D32" s="19">
        <v>820</v>
      </c>
      <c r="E32" s="19">
        <v>757</v>
      </c>
      <c r="F32" s="19"/>
      <c r="G32" s="18" t="s">
        <v>62</v>
      </c>
      <c r="H32" s="17"/>
      <c r="I32" s="13">
        <v>1903</v>
      </c>
      <c r="J32" s="19">
        <v>903</v>
      </c>
      <c r="K32" s="19">
        <v>1000</v>
      </c>
    </row>
    <row r="33" spans="1:11" ht="15" customHeight="1">
      <c r="A33" s="17" t="s">
        <v>63</v>
      </c>
      <c r="B33" s="17"/>
      <c r="C33" s="13">
        <v>1683</v>
      </c>
      <c r="D33" s="19">
        <v>876</v>
      </c>
      <c r="E33" s="19">
        <v>807</v>
      </c>
      <c r="F33" s="19"/>
      <c r="G33" s="18" t="s">
        <v>64</v>
      </c>
      <c r="H33" s="17"/>
      <c r="I33" s="13">
        <v>1661</v>
      </c>
      <c r="J33" s="19">
        <v>750</v>
      </c>
      <c r="K33" s="19">
        <v>911</v>
      </c>
    </row>
    <row r="34" spans="1:11" ht="15" customHeight="1">
      <c r="A34" s="17" t="s">
        <v>65</v>
      </c>
      <c r="B34" s="17"/>
      <c r="C34" s="13">
        <v>1697</v>
      </c>
      <c r="D34" s="19">
        <v>873</v>
      </c>
      <c r="E34" s="19">
        <v>824</v>
      </c>
      <c r="F34" s="19"/>
      <c r="G34" s="18" t="s">
        <v>66</v>
      </c>
      <c r="H34" s="17"/>
      <c r="I34" s="13">
        <v>2019</v>
      </c>
      <c r="J34" s="19">
        <v>922</v>
      </c>
      <c r="K34" s="19">
        <v>1097</v>
      </c>
    </row>
    <row r="35" spans="1:11" ht="20.100000000000001" customHeight="1">
      <c r="A35" s="17" t="s">
        <v>67</v>
      </c>
      <c r="B35" s="17"/>
      <c r="C35" s="13">
        <v>8164</v>
      </c>
      <c r="D35" s="14">
        <v>4357</v>
      </c>
      <c r="E35" s="14">
        <v>3807</v>
      </c>
      <c r="F35" s="14"/>
      <c r="G35" s="18" t="s">
        <v>68</v>
      </c>
      <c r="H35" s="17"/>
      <c r="I35" s="13">
        <v>9505</v>
      </c>
      <c r="J35" s="14">
        <v>4130</v>
      </c>
      <c r="K35" s="14">
        <v>5375</v>
      </c>
    </row>
    <row r="36" spans="1:11" ht="15" customHeight="1">
      <c r="A36" s="17" t="s">
        <v>69</v>
      </c>
      <c r="B36" s="17"/>
      <c r="C36" s="13">
        <v>1561</v>
      </c>
      <c r="D36" s="19">
        <v>809</v>
      </c>
      <c r="E36" s="19">
        <v>752</v>
      </c>
      <c r="F36" s="19"/>
      <c r="G36" s="18" t="s">
        <v>70</v>
      </c>
      <c r="H36" s="17"/>
      <c r="I36" s="13">
        <v>2136</v>
      </c>
      <c r="J36" s="19">
        <v>945</v>
      </c>
      <c r="K36" s="19">
        <v>1191</v>
      </c>
    </row>
    <row r="37" spans="1:11" ht="15" customHeight="1">
      <c r="A37" s="17" t="s">
        <v>71</v>
      </c>
      <c r="B37" s="17"/>
      <c r="C37" s="13">
        <v>1645</v>
      </c>
      <c r="D37" s="19">
        <v>879</v>
      </c>
      <c r="E37" s="19">
        <v>766</v>
      </c>
      <c r="F37" s="19"/>
      <c r="G37" s="18" t="s">
        <v>72</v>
      </c>
      <c r="H37" s="17"/>
      <c r="I37" s="13">
        <v>1974</v>
      </c>
      <c r="J37" s="19">
        <v>867</v>
      </c>
      <c r="K37" s="19">
        <v>1107</v>
      </c>
    </row>
    <row r="38" spans="1:11" ht="15" customHeight="1">
      <c r="A38" s="17" t="s">
        <v>73</v>
      </c>
      <c r="B38" s="17"/>
      <c r="C38" s="13">
        <v>1636</v>
      </c>
      <c r="D38" s="19">
        <v>909</v>
      </c>
      <c r="E38" s="19">
        <v>727</v>
      </c>
      <c r="F38" s="19"/>
      <c r="G38" s="18" t="s">
        <v>74</v>
      </c>
      <c r="H38" s="17"/>
      <c r="I38" s="13">
        <v>2001</v>
      </c>
      <c r="J38" s="19">
        <v>867</v>
      </c>
      <c r="K38" s="19">
        <v>1134</v>
      </c>
    </row>
    <row r="39" spans="1:11" ht="15" customHeight="1">
      <c r="A39" s="17" t="s">
        <v>75</v>
      </c>
      <c r="B39" s="17"/>
      <c r="C39" s="13">
        <v>1710</v>
      </c>
      <c r="D39" s="19">
        <v>905</v>
      </c>
      <c r="E39" s="19">
        <v>805</v>
      </c>
      <c r="F39" s="19"/>
      <c r="G39" s="18" t="s">
        <v>76</v>
      </c>
      <c r="H39" s="17"/>
      <c r="I39" s="13">
        <v>1753</v>
      </c>
      <c r="J39" s="19">
        <v>734</v>
      </c>
      <c r="K39" s="19">
        <v>1019</v>
      </c>
    </row>
    <row r="40" spans="1:11" ht="15" customHeight="1">
      <c r="A40" s="17" t="s">
        <v>77</v>
      </c>
      <c r="B40" s="17"/>
      <c r="C40" s="13">
        <v>1612</v>
      </c>
      <c r="D40" s="19">
        <v>855</v>
      </c>
      <c r="E40" s="19">
        <v>757</v>
      </c>
      <c r="F40" s="19"/>
      <c r="G40" s="18" t="s">
        <v>78</v>
      </c>
      <c r="H40" s="17"/>
      <c r="I40" s="13">
        <v>1641</v>
      </c>
      <c r="J40" s="19">
        <v>717</v>
      </c>
      <c r="K40" s="19">
        <v>924</v>
      </c>
    </row>
    <row r="41" spans="1:11" ht="20.100000000000001" customHeight="1">
      <c r="A41" s="17" t="s">
        <v>79</v>
      </c>
      <c r="B41" s="17"/>
      <c r="C41" s="13">
        <v>9451</v>
      </c>
      <c r="D41" s="14">
        <v>4879</v>
      </c>
      <c r="E41" s="14">
        <v>4572</v>
      </c>
      <c r="F41" s="14"/>
      <c r="G41" s="18" t="s">
        <v>80</v>
      </c>
      <c r="H41" s="17"/>
      <c r="I41" s="13">
        <v>6898</v>
      </c>
      <c r="J41" s="14">
        <v>2767</v>
      </c>
      <c r="K41" s="14">
        <v>4131</v>
      </c>
    </row>
    <row r="42" spans="1:11" ht="15" customHeight="1">
      <c r="A42" s="17" t="s">
        <v>81</v>
      </c>
      <c r="B42" s="17"/>
      <c r="C42" s="13">
        <v>1793</v>
      </c>
      <c r="D42" s="19">
        <v>916</v>
      </c>
      <c r="E42" s="19">
        <v>877</v>
      </c>
      <c r="F42" s="19"/>
      <c r="G42" s="18" t="s">
        <v>82</v>
      </c>
      <c r="H42" s="17"/>
      <c r="I42" s="13">
        <v>1356</v>
      </c>
      <c r="J42" s="19">
        <v>576</v>
      </c>
      <c r="K42" s="19">
        <v>780</v>
      </c>
    </row>
    <row r="43" spans="1:11" ht="15" customHeight="1">
      <c r="A43" s="17" t="s">
        <v>83</v>
      </c>
      <c r="B43" s="17"/>
      <c r="C43" s="13">
        <v>1844</v>
      </c>
      <c r="D43" s="19">
        <v>953</v>
      </c>
      <c r="E43" s="19">
        <v>891</v>
      </c>
      <c r="F43" s="19"/>
      <c r="G43" s="18" t="s">
        <v>84</v>
      </c>
      <c r="H43" s="17"/>
      <c r="I43" s="13">
        <v>1497</v>
      </c>
      <c r="J43" s="19">
        <v>598</v>
      </c>
      <c r="K43" s="19">
        <v>899</v>
      </c>
    </row>
    <row r="44" spans="1:11" ht="15" customHeight="1">
      <c r="A44" s="17" t="s">
        <v>85</v>
      </c>
      <c r="B44" s="17"/>
      <c r="C44" s="13">
        <v>1825</v>
      </c>
      <c r="D44" s="19">
        <v>964</v>
      </c>
      <c r="E44" s="19">
        <v>861</v>
      </c>
      <c r="F44" s="19"/>
      <c r="G44" s="18" t="s">
        <v>86</v>
      </c>
      <c r="H44" s="17"/>
      <c r="I44" s="13">
        <v>1429</v>
      </c>
      <c r="J44" s="19">
        <v>548</v>
      </c>
      <c r="K44" s="19">
        <v>881</v>
      </c>
    </row>
    <row r="45" spans="1:11" ht="15" customHeight="1">
      <c r="A45" s="17" t="s">
        <v>87</v>
      </c>
      <c r="B45" s="17"/>
      <c r="C45" s="13">
        <v>1960</v>
      </c>
      <c r="D45" s="19">
        <v>1011</v>
      </c>
      <c r="E45" s="19">
        <v>949</v>
      </c>
      <c r="F45" s="19"/>
      <c r="G45" s="18" t="s">
        <v>88</v>
      </c>
      <c r="H45" s="17"/>
      <c r="I45" s="13">
        <v>1409</v>
      </c>
      <c r="J45" s="19">
        <v>565</v>
      </c>
      <c r="K45" s="19">
        <v>844</v>
      </c>
    </row>
    <row r="46" spans="1:11" ht="15" customHeight="1">
      <c r="A46" s="17" t="s">
        <v>89</v>
      </c>
      <c r="B46" s="17"/>
      <c r="C46" s="13">
        <v>2029</v>
      </c>
      <c r="D46" s="19">
        <v>1035</v>
      </c>
      <c r="E46" s="19">
        <v>994</v>
      </c>
      <c r="F46" s="19"/>
      <c r="G46" s="18" t="s">
        <v>90</v>
      </c>
      <c r="H46" s="17"/>
      <c r="I46" s="13">
        <v>1207</v>
      </c>
      <c r="J46" s="19">
        <v>480</v>
      </c>
      <c r="K46" s="19">
        <v>727</v>
      </c>
    </row>
    <row r="47" spans="1:11" ht="20.100000000000001" customHeight="1">
      <c r="A47" s="17" t="s">
        <v>91</v>
      </c>
      <c r="B47" s="17"/>
      <c r="C47" s="13">
        <v>10423</v>
      </c>
      <c r="D47" s="14">
        <v>5398</v>
      </c>
      <c r="E47" s="14">
        <v>5025</v>
      </c>
      <c r="F47" s="14"/>
      <c r="G47" s="18" t="s">
        <v>92</v>
      </c>
      <c r="H47" s="17"/>
      <c r="I47" s="13">
        <v>4443</v>
      </c>
      <c r="J47" s="14">
        <v>1568</v>
      </c>
      <c r="K47" s="14">
        <v>2875</v>
      </c>
    </row>
    <row r="48" spans="1:11" ht="15" customHeight="1">
      <c r="A48" s="17" t="s">
        <v>93</v>
      </c>
      <c r="B48" s="17"/>
      <c r="C48" s="13">
        <v>2052</v>
      </c>
      <c r="D48" s="19">
        <v>1085</v>
      </c>
      <c r="E48" s="19">
        <v>967</v>
      </c>
      <c r="F48" s="19"/>
      <c r="G48" s="18" t="s">
        <v>94</v>
      </c>
      <c r="H48" s="17"/>
      <c r="I48" s="13">
        <v>1106</v>
      </c>
      <c r="J48" s="19">
        <v>415</v>
      </c>
      <c r="K48" s="19">
        <v>691</v>
      </c>
    </row>
    <row r="49" spans="1:11" ht="15" customHeight="1">
      <c r="A49" s="17" t="s">
        <v>95</v>
      </c>
      <c r="B49" s="17"/>
      <c r="C49" s="13">
        <v>2130</v>
      </c>
      <c r="D49" s="19">
        <v>1116</v>
      </c>
      <c r="E49" s="19">
        <v>1014</v>
      </c>
      <c r="F49" s="19"/>
      <c r="G49" s="18" t="s">
        <v>96</v>
      </c>
      <c r="H49" s="17"/>
      <c r="I49" s="13">
        <v>1047</v>
      </c>
      <c r="J49" s="19">
        <v>401</v>
      </c>
      <c r="K49" s="19">
        <v>646</v>
      </c>
    </row>
    <row r="50" spans="1:11" ht="15" customHeight="1">
      <c r="A50" s="17" t="s">
        <v>97</v>
      </c>
      <c r="B50" s="17"/>
      <c r="C50" s="13">
        <v>2012</v>
      </c>
      <c r="D50" s="19">
        <v>1014</v>
      </c>
      <c r="E50" s="19">
        <v>998</v>
      </c>
      <c r="F50" s="19"/>
      <c r="G50" s="18" t="s">
        <v>98</v>
      </c>
      <c r="H50" s="17"/>
      <c r="I50" s="13">
        <v>912</v>
      </c>
      <c r="J50" s="19">
        <v>294</v>
      </c>
      <c r="K50" s="19">
        <v>618</v>
      </c>
    </row>
    <row r="51" spans="1:11" ht="15" customHeight="1">
      <c r="A51" s="17" t="s">
        <v>99</v>
      </c>
      <c r="B51" s="17"/>
      <c r="C51" s="13">
        <v>2152</v>
      </c>
      <c r="D51" s="19">
        <v>1112</v>
      </c>
      <c r="E51" s="19">
        <v>1040</v>
      </c>
      <c r="F51" s="19"/>
      <c r="G51" s="18" t="s">
        <v>100</v>
      </c>
      <c r="H51" s="17"/>
      <c r="I51" s="13">
        <v>715</v>
      </c>
      <c r="J51" s="19">
        <v>238</v>
      </c>
      <c r="K51" s="19">
        <v>477</v>
      </c>
    </row>
    <row r="52" spans="1:11" ht="15" customHeight="1">
      <c r="A52" s="17" t="s">
        <v>101</v>
      </c>
      <c r="B52" s="17"/>
      <c r="C52" s="13">
        <v>2077</v>
      </c>
      <c r="D52" s="19">
        <v>1071</v>
      </c>
      <c r="E52" s="19">
        <v>1006</v>
      </c>
      <c r="F52" s="19"/>
      <c r="G52" s="18" t="s">
        <v>102</v>
      </c>
      <c r="H52" s="17"/>
      <c r="I52" s="13">
        <v>663</v>
      </c>
      <c r="J52" s="19">
        <v>220</v>
      </c>
      <c r="K52" s="19">
        <v>443</v>
      </c>
    </row>
    <row r="53" spans="1:11" ht="20.100000000000001" customHeight="1">
      <c r="A53" s="17" t="s">
        <v>103</v>
      </c>
      <c r="B53" s="17"/>
      <c r="C53" s="13">
        <v>12068</v>
      </c>
      <c r="D53" s="14">
        <v>6139</v>
      </c>
      <c r="E53" s="14">
        <v>5929</v>
      </c>
      <c r="F53" s="14"/>
      <c r="G53" s="18" t="s">
        <v>104</v>
      </c>
      <c r="H53" s="17"/>
      <c r="I53" s="13">
        <v>1836</v>
      </c>
      <c r="J53" s="14">
        <v>539</v>
      </c>
      <c r="K53" s="14">
        <v>1297</v>
      </c>
    </row>
    <row r="54" spans="1:11" ht="15" customHeight="1">
      <c r="A54" s="17" t="s">
        <v>105</v>
      </c>
      <c r="B54" s="17"/>
      <c r="C54" s="13">
        <v>2178</v>
      </c>
      <c r="D54" s="19">
        <v>1100</v>
      </c>
      <c r="E54" s="19">
        <v>1078</v>
      </c>
      <c r="F54" s="19"/>
      <c r="G54" s="18" t="s">
        <v>106</v>
      </c>
      <c r="H54" s="17"/>
      <c r="I54" s="13">
        <v>541</v>
      </c>
      <c r="J54" s="19">
        <v>177</v>
      </c>
      <c r="K54" s="19">
        <v>364</v>
      </c>
    </row>
    <row r="55" spans="1:11" ht="15" customHeight="1">
      <c r="A55" s="17" t="s">
        <v>107</v>
      </c>
      <c r="B55" s="17"/>
      <c r="C55" s="13">
        <v>2292</v>
      </c>
      <c r="D55" s="19">
        <v>1165</v>
      </c>
      <c r="E55" s="19">
        <v>1127</v>
      </c>
      <c r="F55" s="19"/>
      <c r="G55" s="18" t="s">
        <v>108</v>
      </c>
      <c r="H55" s="17"/>
      <c r="I55" s="13">
        <v>453</v>
      </c>
      <c r="J55" s="19">
        <v>140</v>
      </c>
      <c r="K55" s="19">
        <v>313</v>
      </c>
    </row>
    <row r="56" spans="1:11" ht="15" customHeight="1">
      <c r="A56" s="17" t="s">
        <v>109</v>
      </c>
      <c r="B56" s="17"/>
      <c r="C56" s="13">
        <v>2398</v>
      </c>
      <c r="D56" s="19">
        <v>1211</v>
      </c>
      <c r="E56" s="19">
        <v>1187</v>
      </c>
      <c r="F56" s="19"/>
      <c r="G56" s="18" t="s">
        <v>110</v>
      </c>
      <c r="H56" s="17"/>
      <c r="I56" s="13">
        <v>353</v>
      </c>
      <c r="J56" s="19">
        <v>103</v>
      </c>
      <c r="K56" s="19">
        <v>250</v>
      </c>
    </row>
    <row r="57" spans="1:11" ht="15" customHeight="1">
      <c r="A57" s="17" t="s">
        <v>111</v>
      </c>
      <c r="B57" s="17"/>
      <c r="C57" s="13">
        <v>2501</v>
      </c>
      <c r="D57" s="19">
        <v>1261</v>
      </c>
      <c r="E57" s="19">
        <v>1240</v>
      </c>
      <c r="F57" s="19"/>
      <c r="G57" s="18" t="s">
        <v>112</v>
      </c>
      <c r="H57" s="17"/>
      <c r="I57" s="13">
        <v>306</v>
      </c>
      <c r="J57" s="19">
        <v>62</v>
      </c>
      <c r="K57" s="19">
        <v>244</v>
      </c>
    </row>
    <row r="58" spans="1:11" ht="15" customHeight="1">
      <c r="A58" s="17" t="s">
        <v>113</v>
      </c>
      <c r="B58" s="17"/>
      <c r="C58" s="13">
        <v>2699</v>
      </c>
      <c r="D58" s="19">
        <v>1402</v>
      </c>
      <c r="E58" s="19">
        <v>1297</v>
      </c>
      <c r="F58" s="19"/>
      <c r="G58" s="18" t="s">
        <v>114</v>
      </c>
      <c r="H58" s="17"/>
      <c r="I58" s="13">
        <v>183</v>
      </c>
      <c r="J58" s="19">
        <v>57</v>
      </c>
      <c r="K58" s="19">
        <v>126</v>
      </c>
    </row>
    <row r="59" spans="1:11" ht="20.100000000000001" customHeight="1">
      <c r="A59" s="17" t="s">
        <v>115</v>
      </c>
      <c r="B59" s="17"/>
      <c r="C59" s="13">
        <v>13716</v>
      </c>
      <c r="D59" s="14">
        <v>7051</v>
      </c>
      <c r="E59" s="14">
        <v>6665</v>
      </c>
      <c r="F59" s="14"/>
      <c r="G59" s="18" t="s">
        <v>116</v>
      </c>
      <c r="H59" s="17"/>
      <c r="I59" s="13">
        <v>445</v>
      </c>
      <c r="J59" s="14">
        <v>89</v>
      </c>
      <c r="K59" s="14">
        <v>356</v>
      </c>
    </row>
    <row r="60" spans="1:11" ht="15" customHeight="1">
      <c r="A60" s="17" t="s">
        <v>117</v>
      </c>
      <c r="B60" s="17"/>
      <c r="C60" s="13">
        <v>2787</v>
      </c>
      <c r="D60" s="19">
        <v>1423</v>
      </c>
      <c r="E60" s="19">
        <v>1364</v>
      </c>
      <c r="F60" s="19"/>
      <c r="G60" s="18" t="s">
        <v>118</v>
      </c>
      <c r="H60" s="17"/>
      <c r="I60" s="13">
        <v>159</v>
      </c>
      <c r="J60" s="19">
        <v>35</v>
      </c>
      <c r="K60" s="19">
        <v>124</v>
      </c>
    </row>
    <row r="61" spans="1:11" ht="15" customHeight="1">
      <c r="A61" s="17" t="s">
        <v>119</v>
      </c>
      <c r="B61" s="17"/>
      <c r="C61" s="13">
        <v>2833</v>
      </c>
      <c r="D61" s="19">
        <v>1428</v>
      </c>
      <c r="E61" s="19">
        <v>1405</v>
      </c>
      <c r="F61" s="19"/>
      <c r="G61" s="18" t="s">
        <v>120</v>
      </c>
      <c r="H61" s="17"/>
      <c r="I61" s="13">
        <v>116</v>
      </c>
      <c r="J61" s="19">
        <v>25</v>
      </c>
      <c r="K61" s="19">
        <v>91</v>
      </c>
    </row>
    <row r="62" spans="1:11" ht="15" customHeight="1">
      <c r="A62" s="17" t="s">
        <v>121</v>
      </c>
      <c r="B62" s="17"/>
      <c r="C62" s="13">
        <v>2769</v>
      </c>
      <c r="D62" s="19">
        <v>1428</v>
      </c>
      <c r="E62" s="19">
        <v>1341</v>
      </c>
      <c r="F62" s="19"/>
      <c r="G62" s="18" t="s">
        <v>122</v>
      </c>
      <c r="H62" s="17"/>
      <c r="I62" s="13">
        <v>71</v>
      </c>
      <c r="J62" s="19">
        <v>8</v>
      </c>
      <c r="K62" s="19">
        <v>63</v>
      </c>
    </row>
    <row r="63" spans="1:11" ht="15" customHeight="1">
      <c r="A63" s="17" t="s">
        <v>123</v>
      </c>
      <c r="B63" s="17"/>
      <c r="C63" s="13">
        <v>2719</v>
      </c>
      <c r="D63" s="19">
        <v>1458</v>
      </c>
      <c r="E63" s="19">
        <v>1261</v>
      </c>
      <c r="F63" s="19"/>
      <c r="G63" s="18" t="s">
        <v>124</v>
      </c>
      <c r="H63" s="17"/>
      <c r="I63" s="13">
        <v>55</v>
      </c>
      <c r="J63" s="19">
        <v>11</v>
      </c>
      <c r="K63" s="19">
        <v>44</v>
      </c>
    </row>
    <row r="64" spans="1:11" ht="15" customHeight="1">
      <c r="A64" s="17" t="s">
        <v>125</v>
      </c>
      <c r="B64" s="17"/>
      <c r="C64" s="13">
        <v>2608</v>
      </c>
      <c r="D64" s="19">
        <v>1314</v>
      </c>
      <c r="E64" s="19">
        <v>1294</v>
      </c>
      <c r="F64" s="19"/>
      <c r="G64" s="18" t="s">
        <v>126</v>
      </c>
      <c r="H64" s="17"/>
      <c r="I64" s="13">
        <v>44</v>
      </c>
      <c r="J64" s="19">
        <v>10</v>
      </c>
      <c r="K64" s="19">
        <v>34</v>
      </c>
    </row>
    <row r="65" spans="1:11" ht="20.100000000000001" customHeight="1">
      <c r="A65" s="21"/>
      <c r="B65" s="21"/>
      <c r="C65" s="22"/>
      <c r="D65" s="23"/>
      <c r="E65" s="23"/>
      <c r="F65" s="23"/>
      <c r="G65" s="18" t="s">
        <v>127</v>
      </c>
      <c r="H65" s="17"/>
      <c r="I65" s="13">
        <v>63</v>
      </c>
      <c r="J65" s="19">
        <v>5</v>
      </c>
      <c r="K65" s="19">
        <v>58</v>
      </c>
    </row>
    <row r="66" spans="1:11" ht="20.100000000000001" customHeight="1">
      <c r="A66" s="24"/>
      <c r="B66" s="24"/>
      <c r="C66" s="25"/>
      <c r="D66" s="24"/>
      <c r="E66" s="24"/>
      <c r="F66" s="24"/>
      <c r="G66" s="26" t="s">
        <v>128</v>
      </c>
      <c r="H66" s="27"/>
      <c r="I66" s="28">
        <v>977</v>
      </c>
      <c r="J66" s="29">
        <v>666</v>
      </c>
      <c r="K66" s="29">
        <v>311</v>
      </c>
    </row>
    <row r="67" spans="1:11">
      <c r="C67" s="32"/>
      <c r="D67" s="32"/>
      <c r="E67" s="32"/>
      <c r="F67" s="32"/>
      <c r="G67" s="32"/>
      <c r="H67" s="32"/>
      <c r="I67" s="32"/>
      <c r="J67" s="32"/>
      <c r="K67" s="32"/>
    </row>
    <row r="68" spans="1:11">
      <c r="F68" s="30"/>
      <c r="G68" s="32"/>
      <c r="H68" s="32"/>
      <c r="I68" s="32"/>
      <c r="J68" s="32"/>
      <c r="K68" s="32"/>
    </row>
    <row r="69" spans="1:11">
      <c r="F69" s="32"/>
      <c r="G69" s="32"/>
      <c r="H69" s="32"/>
      <c r="I69" s="32"/>
      <c r="J69" s="32"/>
      <c r="K69" s="32"/>
    </row>
    <row r="70" spans="1:11">
      <c r="F70" s="32"/>
      <c r="G70" s="32"/>
      <c r="H70" s="32"/>
      <c r="I70" s="32"/>
      <c r="J70" s="32"/>
      <c r="K70" s="32"/>
    </row>
    <row r="71" spans="1:11">
      <c r="F71" s="32"/>
      <c r="G71" s="32"/>
      <c r="H71" s="32"/>
      <c r="I71" s="32"/>
      <c r="J71" s="32"/>
      <c r="K71" s="32"/>
    </row>
    <row r="72" spans="1:11">
      <c r="F72" s="32"/>
      <c r="G72" s="32"/>
      <c r="H72" s="32"/>
      <c r="I72" s="32"/>
      <c r="J72" s="32"/>
      <c r="K72" s="32"/>
    </row>
    <row r="73" spans="1:11">
      <c r="F73" s="32"/>
      <c r="G73" s="32"/>
      <c r="H73" s="32"/>
      <c r="I73" s="32"/>
      <c r="J73" s="32"/>
      <c r="K73" s="32"/>
    </row>
    <row r="74" spans="1:11">
      <c r="G74" s="32"/>
      <c r="H74" s="32"/>
      <c r="I74" s="32"/>
      <c r="J74" s="32"/>
      <c r="K74" s="32"/>
    </row>
    <row r="75" spans="1:11">
      <c r="F75" s="31"/>
      <c r="G75" s="32"/>
      <c r="H75" s="32"/>
      <c r="I75" s="32"/>
      <c r="J75" s="32"/>
      <c r="K75" s="32"/>
    </row>
    <row r="76" spans="1:11">
      <c r="F76" s="32"/>
      <c r="G76" s="32"/>
      <c r="H76" s="32"/>
      <c r="I76" s="32"/>
      <c r="J76" s="32"/>
      <c r="K76" s="32"/>
    </row>
    <row r="77" spans="1:11">
      <c r="F77" s="32"/>
      <c r="G77" s="32"/>
      <c r="H77" s="32"/>
      <c r="I77" s="32"/>
      <c r="J77" s="32"/>
      <c r="K77" s="32"/>
    </row>
    <row r="78" spans="1:11">
      <c r="F78" s="32"/>
      <c r="G78" s="32"/>
      <c r="H78" s="32"/>
      <c r="I78" s="32"/>
      <c r="J78" s="32"/>
      <c r="K78" s="32"/>
    </row>
    <row r="79" spans="1:11">
      <c r="F79" s="32"/>
      <c r="G79" s="32"/>
      <c r="H79" s="32"/>
      <c r="I79" s="32"/>
      <c r="J79" s="32"/>
      <c r="K79" s="32"/>
    </row>
  </sheetData>
  <mergeCells count="1">
    <mergeCell ref="I2:K2"/>
  </mergeCells>
  <phoneticPr fontId="3"/>
  <printOptions horizontalCentered="1" gridLinesSet="0"/>
  <pageMargins left="0.78740157480314965" right="0.78740157480314965" top="0.59055118110236227" bottom="0.51181102362204722" header="0" footer="0"/>
  <pageSetup paperSize="9" scale="71" firstPageNumber="69" pageOrder="overThenDown" orientation="portrait" blackAndWhite="1" useFirstPageNumber="1" horizontalDpi="300" verticalDpi="300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6</vt:i4>
      </vt:variant>
      <vt:variant>
        <vt:lpstr>名前付き一覧</vt:lpstr>
      </vt:variant>
      <vt:variant>
        <vt:i4>66</vt:i4>
      </vt:variant>
    </vt:vector>
  </HeadingPairs>
  <TitlesOfParts>
    <vt:vector size="132" baseType="lpstr">
      <vt:lpstr>神奈川県</vt:lpstr>
      <vt:lpstr>横浜市</vt:lpstr>
      <vt:lpstr>鶴見区</vt:lpstr>
      <vt:lpstr>神奈川区</vt:lpstr>
      <vt:lpstr>西区</vt:lpstr>
      <vt:lpstr>中区</vt:lpstr>
      <vt:lpstr>南区</vt:lpstr>
      <vt:lpstr>保土ケ谷区</vt:lpstr>
      <vt:lpstr>磯子区</vt:lpstr>
      <vt:lpstr>金沢区</vt:lpstr>
      <vt:lpstr>港北区</vt:lpstr>
      <vt:lpstr>戸塚区</vt:lpstr>
      <vt:lpstr>港南区</vt:lpstr>
      <vt:lpstr>旭区</vt:lpstr>
      <vt:lpstr>緑区</vt:lpstr>
      <vt:lpstr>瀬谷区</vt:lpstr>
      <vt:lpstr>栄区</vt:lpstr>
      <vt:lpstr>泉区</vt:lpstr>
      <vt:lpstr>青葉区</vt:lpstr>
      <vt:lpstr>都筑区</vt:lpstr>
      <vt:lpstr>川崎市</vt:lpstr>
      <vt:lpstr>川崎区</vt:lpstr>
      <vt:lpstr>幸区</vt:lpstr>
      <vt:lpstr>中原区</vt:lpstr>
      <vt:lpstr>高津区</vt:lpstr>
      <vt:lpstr>多摩区</vt:lpstr>
      <vt:lpstr>宮前区</vt:lpstr>
      <vt:lpstr>麻生区</vt:lpstr>
      <vt:lpstr>横須賀三浦</vt:lpstr>
      <vt:lpstr>横須賀市</vt:lpstr>
      <vt:lpstr>鎌倉市</vt:lpstr>
      <vt:lpstr>逗子市</vt:lpstr>
      <vt:lpstr>三浦市</vt:lpstr>
      <vt:lpstr>葉山町</vt:lpstr>
      <vt:lpstr>県央</vt:lpstr>
      <vt:lpstr>相模原市</vt:lpstr>
      <vt:lpstr>緑区(相)</vt:lpstr>
      <vt:lpstr>中央区</vt:lpstr>
      <vt:lpstr>南区(相)</vt:lpstr>
      <vt:lpstr>厚木市</vt:lpstr>
      <vt:lpstr>大和市</vt:lpstr>
      <vt:lpstr>海老名市</vt:lpstr>
      <vt:lpstr>座間市</vt:lpstr>
      <vt:lpstr>綾瀬市</vt:lpstr>
      <vt:lpstr>愛川町</vt:lpstr>
      <vt:lpstr>清川村</vt:lpstr>
      <vt:lpstr>湘南</vt:lpstr>
      <vt:lpstr>平塚市</vt:lpstr>
      <vt:lpstr>藤沢市</vt:lpstr>
      <vt:lpstr>茅ヶ崎市</vt:lpstr>
      <vt:lpstr>秦野市</vt:lpstr>
      <vt:lpstr>伊勢原市</vt:lpstr>
      <vt:lpstr>寒川町</vt:lpstr>
      <vt:lpstr>大磯町</vt:lpstr>
      <vt:lpstr>二宮町</vt:lpstr>
      <vt:lpstr>県西</vt:lpstr>
      <vt:lpstr>小田原市</vt:lpstr>
      <vt:lpstr>南足柄市</vt:lpstr>
      <vt:lpstr>中井町</vt:lpstr>
      <vt:lpstr>大井町</vt:lpstr>
      <vt:lpstr>松田町</vt:lpstr>
      <vt:lpstr>山北町</vt:lpstr>
      <vt:lpstr>開成町</vt:lpstr>
      <vt:lpstr>箱根町</vt:lpstr>
      <vt:lpstr>真鶴町</vt:lpstr>
      <vt:lpstr>湯河原町</vt:lpstr>
      <vt:lpstr>愛川町!Print_Area</vt:lpstr>
      <vt:lpstr>旭区!Print_Area</vt:lpstr>
      <vt:lpstr>綾瀬市!Print_Area</vt:lpstr>
      <vt:lpstr>伊勢原市!Print_Area</vt:lpstr>
      <vt:lpstr>磯子区!Print_Area</vt:lpstr>
      <vt:lpstr>栄区!Print_Area</vt:lpstr>
      <vt:lpstr>横須賀三浦!Print_Area</vt:lpstr>
      <vt:lpstr>横須賀市!Print_Area</vt:lpstr>
      <vt:lpstr>横浜市!Print_Area</vt:lpstr>
      <vt:lpstr>海老名市!Print_Area</vt:lpstr>
      <vt:lpstr>開成町!Print_Area</vt:lpstr>
      <vt:lpstr>鎌倉市!Print_Area</vt:lpstr>
      <vt:lpstr>茅ヶ崎市!Print_Area</vt:lpstr>
      <vt:lpstr>寒川町!Print_Area</vt:lpstr>
      <vt:lpstr>宮前区!Print_Area</vt:lpstr>
      <vt:lpstr>金沢区!Print_Area</vt:lpstr>
      <vt:lpstr>県央!Print_Area</vt:lpstr>
      <vt:lpstr>県西!Print_Area</vt:lpstr>
      <vt:lpstr>戸塚区!Print_Area</vt:lpstr>
      <vt:lpstr>厚木市!Print_Area</vt:lpstr>
      <vt:lpstr>幸区!Print_Area</vt:lpstr>
      <vt:lpstr>港南区!Print_Area</vt:lpstr>
      <vt:lpstr>港北区!Print_Area</vt:lpstr>
      <vt:lpstr>高津区!Print_Area</vt:lpstr>
      <vt:lpstr>座間市!Print_Area</vt:lpstr>
      <vt:lpstr>三浦市!Print_Area</vt:lpstr>
      <vt:lpstr>山北町!Print_Area</vt:lpstr>
      <vt:lpstr>小田原市!Print_Area</vt:lpstr>
      <vt:lpstr>松田町!Print_Area</vt:lpstr>
      <vt:lpstr>湘南!Print_Area</vt:lpstr>
      <vt:lpstr>真鶴町!Print_Area</vt:lpstr>
      <vt:lpstr>神奈川区!Print_Area</vt:lpstr>
      <vt:lpstr>神奈川県!Print_Area</vt:lpstr>
      <vt:lpstr>秦野市!Print_Area</vt:lpstr>
      <vt:lpstr>逗子市!Print_Area</vt:lpstr>
      <vt:lpstr>瀬谷区!Print_Area</vt:lpstr>
      <vt:lpstr>清川村!Print_Area</vt:lpstr>
      <vt:lpstr>西区!Print_Area</vt:lpstr>
      <vt:lpstr>青葉区!Print_Area</vt:lpstr>
      <vt:lpstr>川崎区!Print_Area</vt:lpstr>
      <vt:lpstr>川崎市!Print_Area</vt:lpstr>
      <vt:lpstr>泉区!Print_Area</vt:lpstr>
      <vt:lpstr>相模原市!Print_Area</vt:lpstr>
      <vt:lpstr>多摩区!Print_Area</vt:lpstr>
      <vt:lpstr>大井町!Print_Area</vt:lpstr>
      <vt:lpstr>大磯町!Print_Area</vt:lpstr>
      <vt:lpstr>大和市!Print_Area</vt:lpstr>
      <vt:lpstr>中井町!Print_Area</vt:lpstr>
      <vt:lpstr>中央区!Print_Area</vt:lpstr>
      <vt:lpstr>中区!Print_Area</vt:lpstr>
      <vt:lpstr>中原区!Print_Area</vt:lpstr>
      <vt:lpstr>鶴見区!Print_Area</vt:lpstr>
      <vt:lpstr>都筑区!Print_Area</vt:lpstr>
      <vt:lpstr>湯河原町!Print_Area</vt:lpstr>
      <vt:lpstr>藤沢市!Print_Area</vt:lpstr>
      <vt:lpstr>南区!Print_Area</vt:lpstr>
      <vt:lpstr>'南区(相)'!Print_Area</vt:lpstr>
      <vt:lpstr>南足柄市!Print_Area</vt:lpstr>
      <vt:lpstr>二宮町!Print_Area</vt:lpstr>
      <vt:lpstr>箱根町!Print_Area</vt:lpstr>
      <vt:lpstr>平塚市!Print_Area</vt:lpstr>
      <vt:lpstr>保土ケ谷区!Print_Area</vt:lpstr>
      <vt:lpstr>麻生区!Print_Area</vt:lpstr>
      <vt:lpstr>葉山町!Print_Area</vt:lpstr>
      <vt:lpstr>緑区!Print_Area</vt:lpstr>
      <vt:lpstr>'緑区(相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（須田）</dc:creator>
  <cp:lastModifiedBy>user</cp:lastModifiedBy>
  <dcterms:created xsi:type="dcterms:W3CDTF">2019-07-24T01:08:56Z</dcterms:created>
  <dcterms:modified xsi:type="dcterms:W3CDTF">2023-06-07T07:50:27Z</dcterms:modified>
</cp:coreProperties>
</file>